
<file path=[Content_Types].xml><?xml version="1.0" encoding="utf-8"?>
<Types xmlns="http://schemas.openxmlformats.org/package/2006/content-types">
  <Default Extension="bin" ContentType="image/x-emf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drawings/drawing1.xml" ContentType="application/vnd.openxmlformats-officedocument.drawingml.chartshape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</p:sldMasterIdLst>
  <p:notesMasterIdLst>
    <p:notesMasterId r:id="rId10"/>
  </p:notesMasterIdLst>
  <p:handoutMasterIdLst>
    <p:handoutMasterId r:id="rId11"/>
  </p:handoutMasterIdLst>
  <p:sldIdLst>
    <p:sldId id="259" r:id="rId9"/>
  </p:sldIdLst>
  <p:sldSz cx="42803763" cy="30275213"/>
  <p:notesSz cx="9144000" cy="6858000"/>
  <p:defaultTextStyle>
    <a:defPPr>
      <a:defRPr lang="en-US"/>
    </a:defPPr>
    <a:lvl1pPr marL="0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1pPr>
    <a:lvl2pPr marL="1753394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2pPr>
    <a:lvl3pPr marL="3506795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3pPr>
    <a:lvl4pPr marL="5260189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4pPr>
    <a:lvl5pPr marL="7013585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5pPr>
    <a:lvl6pPr marL="8766981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6pPr>
    <a:lvl7pPr marL="10520379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7pPr>
    <a:lvl8pPr marL="12273774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8pPr>
    <a:lvl9pPr marL="14027172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66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C08696B-5D58-4EE8-9546-610F63A996AF}" v="3" dt="2026-01-30T08:58:54.53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026" autoAdjust="0"/>
    <p:restoredTop sz="96327" autoAdjust="0"/>
  </p:normalViewPr>
  <p:slideViewPr>
    <p:cSldViewPr snapToGrid="0" showGuides="1">
      <p:cViewPr varScale="1">
        <p:scale>
          <a:sx n="33" d="100"/>
          <a:sy n="33" d="100"/>
        </p:scale>
        <p:origin x="3282" y="34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presProps" Target="presProps.xml"/><Relationship Id="rId17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ableStyles" Target="tableStyles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Nana Olejank Hansen" userId="42250d8b-cfec-4f4e-8055-014c2041f4e0" providerId="ADAL" clId="{29FA6069-3C5F-4A9A-A2BB-64BF647016EB}"/>
    <pc:docChg chg="modSld">
      <pc:chgData name="Nana Olejank Hansen" userId="42250d8b-cfec-4f4e-8055-014c2041f4e0" providerId="ADAL" clId="{29FA6069-3C5F-4A9A-A2BB-64BF647016EB}" dt="2026-02-09T07:49:12.941" v="125" actId="20577"/>
      <pc:docMkLst>
        <pc:docMk/>
      </pc:docMkLst>
      <pc:sldChg chg="addSp modSp mod">
        <pc:chgData name="Nana Olejank Hansen" userId="42250d8b-cfec-4f4e-8055-014c2041f4e0" providerId="ADAL" clId="{29FA6069-3C5F-4A9A-A2BB-64BF647016EB}" dt="2026-02-09T07:49:12.941" v="125" actId="20577"/>
        <pc:sldMkLst>
          <pc:docMk/>
          <pc:sldMk cId="1026389132" sldId="259"/>
        </pc:sldMkLst>
        <pc:spChg chg="mod">
          <ac:chgData name="Nana Olejank Hansen" userId="42250d8b-cfec-4f4e-8055-014c2041f4e0" providerId="ADAL" clId="{29FA6069-3C5F-4A9A-A2BB-64BF647016EB}" dt="2026-01-30T09:00:11.942" v="119" actId="14100"/>
          <ac:spMkLst>
            <pc:docMk/>
            <pc:sldMk cId="1026389132" sldId="259"/>
            <ac:spMk id="3" creationId="{1E485E8B-0E48-4D5F-7567-F41F3D0DE515}"/>
          </ac:spMkLst>
        </pc:spChg>
        <pc:spChg chg="add mod">
          <ac:chgData name="Nana Olejank Hansen" userId="42250d8b-cfec-4f4e-8055-014c2041f4e0" providerId="ADAL" clId="{29FA6069-3C5F-4A9A-A2BB-64BF647016EB}" dt="2026-01-30T08:58:25.686" v="27" actId="113"/>
          <ac:spMkLst>
            <pc:docMk/>
            <pc:sldMk cId="1026389132" sldId="259"/>
            <ac:spMk id="4" creationId="{81E4EA7A-E35B-6A53-BC38-3C032A5F1389}"/>
          </ac:spMkLst>
        </pc:spChg>
        <pc:spChg chg="add mod">
          <ac:chgData name="Nana Olejank Hansen" userId="42250d8b-cfec-4f4e-8055-014c2041f4e0" providerId="ADAL" clId="{29FA6069-3C5F-4A9A-A2BB-64BF647016EB}" dt="2026-01-30T08:59:49.026" v="108" actId="20577"/>
          <ac:spMkLst>
            <pc:docMk/>
            <pc:sldMk cId="1026389132" sldId="259"/>
            <ac:spMk id="10" creationId="{3E569F47-50C6-8549-4576-422DEA885752}"/>
          </ac:spMkLst>
        </pc:spChg>
        <pc:spChg chg="add mod">
          <ac:chgData name="Nana Olejank Hansen" userId="42250d8b-cfec-4f4e-8055-014c2041f4e0" providerId="ADAL" clId="{29FA6069-3C5F-4A9A-A2BB-64BF647016EB}" dt="2026-01-30T09:00:02.071" v="118" actId="20577"/>
          <ac:spMkLst>
            <pc:docMk/>
            <pc:sldMk cId="1026389132" sldId="259"/>
            <ac:spMk id="11" creationId="{570CC6FF-F06E-83A7-658B-E064E75618AB}"/>
          </ac:spMkLst>
        </pc:spChg>
        <pc:spChg chg="mod">
          <ac:chgData name="Nana Olejank Hansen" userId="42250d8b-cfec-4f4e-8055-014c2041f4e0" providerId="ADAL" clId="{29FA6069-3C5F-4A9A-A2BB-64BF647016EB}" dt="2026-01-30T09:00:20.876" v="120" actId="20577"/>
          <ac:spMkLst>
            <pc:docMk/>
            <pc:sldMk cId="1026389132" sldId="259"/>
            <ac:spMk id="17" creationId="{30BDFCBF-F865-0398-B484-29B81622800B}"/>
          </ac:spMkLst>
        </pc:spChg>
        <pc:spChg chg="mod">
          <ac:chgData name="Nana Olejank Hansen" userId="42250d8b-cfec-4f4e-8055-014c2041f4e0" providerId="ADAL" clId="{29FA6069-3C5F-4A9A-A2BB-64BF647016EB}" dt="2026-01-30T09:00:28.902" v="122" actId="1076"/>
          <ac:spMkLst>
            <pc:docMk/>
            <pc:sldMk cId="1026389132" sldId="259"/>
            <ac:spMk id="33" creationId="{42C8749D-B7B3-894C-6F46-C6E02661B7A6}"/>
          </ac:spMkLst>
        </pc:spChg>
        <pc:spChg chg="mod">
          <ac:chgData name="Nana Olejank Hansen" userId="42250d8b-cfec-4f4e-8055-014c2041f4e0" providerId="ADAL" clId="{29FA6069-3C5F-4A9A-A2BB-64BF647016EB}" dt="2026-02-09T07:49:12.941" v="125" actId="20577"/>
          <ac:spMkLst>
            <pc:docMk/>
            <pc:sldMk cId="1026389132" sldId="259"/>
            <ac:spMk id="36" creationId="{7BB6D5D3-5327-F187-104A-EB03B3689ABC}"/>
          </ac:spMkLst>
        </pc:s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chartUserShapes" Target="../drawings/drawing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'Ark1'!$B$1</c:f>
              <c:strCache>
                <c:ptCount val="1"/>
                <c:pt idx="0">
                  <c:v>%</c:v>
                </c:pt>
              </c:strCache>
            </c:strRef>
          </c:tx>
          <c:spPr>
            <a:solidFill>
              <a:srgbClr val="1D1D1B"/>
            </a:solidFill>
            <a:ln w="0">
              <a:solidFill>
                <a:srgbClr val="FFFFFF"/>
              </a:solidFill>
            </a:ln>
          </c:spPr>
          <c:explosion val="5"/>
          <c:dPt>
            <c:idx val="0"/>
            <c:bubble3D val="0"/>
            <c:spPr>
              <a:solidFill>
                <a:schemeClr val="bg2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803C-CC41-AA3C-D15EA7A4F689}"/>
              </c:ext>
            </c:extLst>
          </c:dPt>
          <c:dPt>
            <c:idx val="1"/>
            <c:bubble3D val="0"/>
            <c:spPr>
              <a:solidFill>
                <a:schemeClr val="bg2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803C-CC41-AA3C-D15EA7A4F689}"/>
              </c:ext>
            </c:extLst>
          </c:dPt>
          <c:dPt>
            <c:idx val="2"/>
            <c:bubble3D val="0"/>
            <c:spPr>
              <a:solidFill>
                <a:schemeClr val="bg2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803C-CC41-AA3C-D15EA7A4F689}"/>
              </c:ext>
            </c:extLst>
          </c:dPt>
          <c:dPt>
            <c:idx val="3"/>
            <c:bubble3D val="0"/>
            <c:spPr>
              <a:solidFill>
                <a:schemeClr val="accent5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803C-CC41-AA3C-D15EA7A4F689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803C-CC41-AA3C-D15EA7A4F689}"/>
              </c:ext>
            </c:extLst>
          </c:dPt>
          <c:dPt>
            <c:idx val="5"/>
            <c:bubble3D val="0"/>
            <c:spPr>
              <a:solidFill>
                <a:schemeClr val="accent5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B-803C-CC41-AA3C-D15EA7A4F689}"/>
              </c:ext>
            </c:extLst>
          </c:dPt>
          <c:dPt>
            <c:idx val="6"/>
            <c:bubble3D val="0"/>
            <c:spPr>
              <a:solidFill>
                <a:schemeClr val="accent6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D-803C-CC41-AA3C-D15EA7A4F689}"/>
              </c:ext>
            </c:extLst>
          </c:dPt>
          <c:dPt>
            <c:idx val="7"/>
            <c:bubble3D val="0"/>
            <c:spPr>
              <a:solidFill>
                <a:schemeClr val="accent6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F-803C-CC41-AA3C-D15EA7A4F689}"/>
              </c:ext>
            </c:extLst>
          </c:dPt>
          <c:dPt>
            <c:idx val="8"/>
            <c:bubble3D val="0"/>
            <c:spPr>
              <a:solidFill>
                <a:schemeClr val="accent6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11-803C-CC41-AA3C-D15EA7A4F689}"/>
              </c:ext>
            </c:extLst>
          </c:dPt>
          <c:dPt>
            <c:idx val="9"/>
            <c:bubble3D val="0"/>
            <c:spPr>
              <a:solidFill>
                <a:schemeClr val="tx2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13-803C-CC41-AA3C-D15EA7A4F689}"/>
              </c:ext>
            </c:extLst>
          </c:dPt>
          <c:dPt>
            <c:idx val="10"/>
            <c:bubble3D val="0"/>
            <c:spPr>
              <a:solidFill>
                <a:schemeClr val="tx2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15-803C-CC41-AA3C-D15EA7A4F689}"/>
              </c:ext>
            </c:extLst>
          </c:dPt>
          <c:dPt>
            <c:idx val="11"/>
            <c:bubble3D val="0"/>
            <c:spPr>
              <a:solidFill>
                <a:schemeClr val="tx2"/>
              </a:solidFill>
              <a:ln w="0">
                <a:solidFill>
                  <a:srgbClr val="FFFFFF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17-803C-CC41-AA3C-D15EA7A4F689}"/>
              </c:ext>
            </c:extLst>
          </c:dPt>
          <c:dLbls>
            <c:numFmt formatCode="General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800" b="1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showLegendKey val="0"/>
            <c:showVal val="0"/>
            <c:showCatName val="1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/>
            </c:extLst>
          </c:dLbls>
          <c:cat>
            <c:strRef>
              <c:f>'Ark1'!$A$2:$A$13</c:f>
              <c:strCache>
                <c:ptCount val="12"/>
                <c:pt idx="0">
                  <c:v>Januar</c:v>
                </c:pt>
                <c:pt idx="1">
                  <c:v>Februar</c:v>
                </c:pt>
                <c:pt idx="2">
                  <c:v>Marts</c:v>
                </c:pt>
                <c:pt idx="3">
                  <c:v>April</c:v>
                </c:pt>
                <c:pt idx="4">
                  <c:v>Maj</c:v>
                </c:pt>
                <c:pt idx="5">
                  <c:v>Juni</c:v>
                </c:pt>
                <c:pt idx="6">
                  <c:v>Juli</c:v>
                </c:pt>
                <c:pt idx="7">
                  <c:v>August</c:v>
                </c:pt>
                <c:pt idx="8">
                  <c:v>September</c:v>
                </c:pt>
                <c:pt idx="9">
                  <c:v>Oktober</c:v>
                </c:pt>
                <c:pt idx="10">
                  <c:v>November</c:v>
                </c:pt>
                <c:pt idx="11">
                  <c:v>December</c:v>
                </c:pt>
              </c:strCache>
            </c:strRef>
          </c:cat>
          <c:val>
            <c:numRef>
              <c:f>'Ark1'!$B$2:$B$13</c:f>
              <c:numCache>
                <c:formatCode>General</c:formatCode>
                <c:ptCount val="12"/>
                <c:pt idx="0">
                  <c:v>8.3333329999999997</c:v>
                </c:pt>
                <c:pt idx="1">
                  <c:v>8.3333329999999997</c:v>
                </c:pt>
                <c:pt idx="2">
                  <c:v>8.3333329999999997</c:v>
                </c:pt>
                <c:pt idx="3">
                  <c:v>8.3333329999999997</c:v>
                </c:pt>
                <c:pt idx="4">
                  <c:v>8.3333329999999997</c:v>
                </c:pt>
                <c:pt idx="5">
                  <c:v>8.3333329999999997</c:v>
                </c:pt>
                <c:pt idx="6">
                  <c:v>8.3333329999999997</c:v>
                </c:pt>
                <c:pt idx="7">
                  <c:v>8.3333329999999997</c:v>
                </c:pt>
                <c:pt idx="8">
                  <c:v>8.3333329999999997</c:v>
                </c:pt>
                <c:pt idx="9">
                  <c:v>8.3333329999999997</c:v>
                </c:pt>
                <c:pt idx="10">
                  <c:v>8.3333329999999997</c:v>
                </c:pt>
                <c:pt idx="11">
                  <c:v>8.333332999999999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18-803C-CC41-AA3C-D15EA7A4F689}"/>
            </c:ext>
          </c:extLst>
        </c:ser>
        <c:dLbls>
          <c:showLegendKey val="0"/>
          <c:showVal val="0"/>
          <c:showCatName val="0"/>
          <c:showSerName val="0"/>
          <c:showPercent val="1"/>
          <c:showBubbleSize val="0"/>
          <c:showLeaderLines val="0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 rot="0" vert="horz"/>
    <a:lstStyle/>
    <a:p>
      <a:pPr>
        <a:defRPr/>
      </a:pPr>
      <a:endParaRPr lang="da-DK"/>
    </a:p>
  </c:txPr>
  <c:externalData r:id="rId3">
    <c:autoUpdate val="0"/>
  </c:externalData>
  <c:userShapes r:id="rId4"/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5">
  <cs:axisTitle>
    <cs:lnRef idx="0"/>
    <cs:fillRef idx="0"/>
    <cs:effectRef idx="0"/>
    <cs:fontRef idx="minor">
      <a:schemeClr val="tx2"/>
    </cs:fontRef>
    <cs:defRPr sz="1197" b="1" kern="1200"/>
  </cs:axisTitle>
  <cs:categoryAxis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2"/>
    </cs:fontRef>
    <cs:spPr>
      <a:solidFill>
        <a:schemeClr val="bg1"/>
      </a:solidFill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2"/>
    </cs:fontRef>
    <cs:defRPr sz="1197" kern="1200"/>
  </cs:dataLabel>
  <cs:dataLabelCallout>
    <cs:lnRef idx="0"/>
    <cs:fillRef idx="0"/>
    <cs:effectRef idx="0"/>
    <cs:fontRef idx="minor">
      <a:schemeClr val="dk2">
        <a:lumMod val="7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3">
      <cs:styleClr val="auto"/>
    </cs:fillRef>
    <cs:effectRef idx="2"/>
    <cs:fontRef idx="minor">
      <a:schemeClr val="tx2"/>
    </cs:fontRef>
  </cs:dataPoint>
  <cs:dataPoint3D>
    <cs:lnRef idx="0"/>
    <cs:fillRef idx="3">
      <cs:styleClr val="auto"/>
    </cs:fillRef>
    <cs:effectRef idx="2"/>
    <cs:fontRef idx="minor">
      <a:schemeClr val="tx2"/>
    </cs:fontRef>
  </cs:dataPoint3D>
  <cs:dataPointLine>
    <cs:lnRef idx="0">
      <cs:styleClr val="auto"/>
    </cs:lnRef>
    <cs:fillRef idx="3"/>
    <cs:effectRef idx="2"/>
    <cs:fontRef idx="minor">
      <a:schemeClr val="tx2"/>
    </cs:fontRef>
    <cs:spPr>
      <a:ln w="31750" cap="rnd">
        <a:solidFill>
          <a:schemeClr val="phClr"/>
        </a:solidFill>
        <a:round/>
      </a:ln>
    </cs:spPr>
  </cs:dataPointLine>
  <cs:dataPointMarker>
    <cs:lnRef idx="0"/>
    <cs:fillRef idx="3">
      <cs:styleClr val="auto"/>
    </cs:fillRef>
    <cs:effectRef idx="2"/>
    <cs:fontRef idx="minor">
      <a:schemeClr val="tx2"/>
    </cs:fontRef>
    <cs:spPr>
      <a:ln w="12700">
        <a:solidFill>
          <a:schemeClr val="lt2"/>
        </a:solidFill>
        <a:round/>
      </a:ln>
    </cs:spPr>
  </cs:dataPointMarker>
  <cs:dataPointMarkerLayout symbol="circle" size="6"/>
  <cs:dataPointWireframe>
    <cs:lnRef idx="0">
      <cs:styleClr val="auto"/>
    </cs:lnRef>
    <cs:fillRef idx="3"/>
    <cs:effectRef idx="2"/>
    <cs:fontRef idx="minor">
      <a:schemeClr val="tx2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2"/>
    </cs:fontRef>
    <cs:spPr>
      <a:ln w="9525">
        <a:solidFill>
          <a:schemeClr val="tx2">
            <a:lumMod val="15000"/>
            <a:lumOff val="8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tx2"/>
    </cs:fontRef>
    <cs:spPr>
      <a:ln w="9525">
        <a:solidFill>
          <a:schemeClr val="tx2">
            <a:lumMod val="75000"/>
          </a:schemeClr>
        </a:solidFill>
        <a:round/>
      </a:ln>
    </cs:spPr>
  </cs:errorBar>
  <cs:floor>
    <cs:lnRef idx="0"/>
    <cs:fillRef idx="0"/>
    <cs:effectRef idx="0"/>
    <cs:fontRef idx="minor">
      <a:schemeClr val="tx2"/>
    </cs:fontRef>
  </cs:floor>
  <cs:gridlineMajor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2"/>
    </cs:fontRef>
    <cs:spPr>
      <a:ln>
        <a:solidFill>
          <a:schemeClr val="tx2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2"/>
    </cs:fontRef>
    <cs:defRPr sz="1197" kern="1200"/>
  </cs:legend>
  <cs:plotArea>
    <cs:lnRef idx="0"/>
    <cs:fillRef idx="0"/>
    <cs:effectRef idx="0"/>
    <cs:fontRef idx="minor">
      <a:schemeClr val="tx2"/>
    </cs:fontRef>
  </cs:plotArea>
  <cs:plotArea3D>
    <cs:lnRef idx="0"/>
    <cs:fillRef idx="0"/>
    <cs:effectRef idx="0"/>
    <cs:fontRef idx="minor">
      <a:schemeClr val="tx2"/>
    </cs:fontRef>
  </cs:plotArea3D>
  <cs:seriesAxis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2"/>
    </cs:fontRef>
    <cs:defRPr sz="2128" b="1" kern="1200"/>
  </cs:title>
  <cs:trendline>
    <cs:lnRef idx="0">
      <cs:styleClr val="auto"/>
    </cs:lnRef>
    <cs:fillRef idx="0"/>
    <cs:effectRef idx="0"/>
    <cs:fontRef idx="minor">
      <a:schemeClr val="tx2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2"/>
    </cs:fontRef>
    <cs:defRPr sz="1197" kern="1200"/>
  </cs:trendlineLabel>
  <cs:upBar>
    <cs:lnRef idx="0"/>
    <cs:fillRef idx="0"/>
    <cs:effectRef idx="0"/>
    <cs:fontRef idx="minor">
      <a:schemeClr val="tx2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2"/>
    </cs:fontRef>
    <cs:defRPr sz="1197" kern="1200"/>
  </cs:valueAxis>
  <cs:wall>
    <cs:lnRef idx="0"/>
    <cs:fillRef idx="0"/>
    <cs:effectRef idx="0"/>
    <cs:fontRef idx="minor">
      <a:schemeClr val="tx2"/>
    </cs:fontRef>
  </cs:wall>
</cs:chartStyl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69196</cdr:x>
      <cdr:y>0.97495</cdr:y>
    </cdr:from>
    <cdr:to>
      <cdr:x>0.96496</cdr:x>
      <cdr:y>0.99973</cdr:y>
    </cdr:to>
    <cdr:sp macro="" textlink="">
      <cdr:nvSpPr>
        <cdr:cNvPr id="2" name="Tekstfelt 1">
          <a:extLst xmlns:a="http://schemas.openxmlformats.org/drawingml/2006/main">
            <a:ext uri="{FF2B5EF4-FFF2-40B4-BE49-F238E27FC236}">
              <a16:creationId xmlns:a16="http://schemas.microsoft.com/office/drawing/2014/main" id="{B2506EEF-CB0E-6588-962B-3646356BDB54}"/>
            </a:ext>
          </a:extLst>
        </cdr:cNvPr>
        <cdr:cNvSpPr txBox="1"/>
      </cdr:nvSpPr>
      <cdr:spPr>
        <a:xfrm xmlns:a="http://schemas.openxmlformats.org/drawingml/2006/main">
          <a:off x="10395527" y="12109378"/>
          <a:ext cx="4101360" cy="307777"/>
        </a:xfrm>
        <a:prstGeom xmlns:a="http://schemas.openxmlformats.org/drawingml/2006/main" prst="rect">
          <a:avLst/>
        </a:prstGeom>
        <a:noFill xmlns:a="http://schemas.openxmlformats.org/drawingml/2006/main"/>
      </cdr:spPr>
      <cdr:txBody>
        <a:bodyPr xmlns:a="http://schemas.openxmlformats.org/drawingml/2006/main" vertOverflow="clip" wrap="square" lIns="0" tIns="0" rIns="0" bIns="0" rtlCol="0">
          <a:spAutoFit/>
        </a:bodyPr>
        <a:lstStyle xmlns:a="http://schemas.openxmlformats.org/drawingml/2006/main"/>
        <a:p xmlns:a="http://schemas.openxmlformats.org/drawingml/2006/main">
          <a:r>
            <a:rPr lang="da-DK" sz="2000" kern="1200" dirty="0"/>
            <a:t>Sikkerhedsrundering </a:t>
          </a:r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5179484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5179484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9/02/2026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914400" y="3300412"/>
            <a:ext cx="7315200" cy="270033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5179484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9/02/2026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5179484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2935288" y="857250"/>
            <a:ext cx="3273425" cy="23145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1pPr>
    <a:lvl2pPr marL="1753394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2pPr>
    <a:lvl3pPr marL="3506795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3pPr>
    <a:lvl4pPr marL="5260189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4pPr>
    <a:lvl5pPr marL="7013585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5pPr>
    <a:lvl6pPr marL="8766981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6pPr>
    <a:lvl7pPr marL="10520379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7pPr>
    <a:lvl8pPr marL="12273774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8pPr>
    <a:lvl9pPr marL="14027172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0038" y="3944133"/>
            <a:ext cx="37156487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7305" y="7158434"/>
            <a:ext cx="37092073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57306" y="8133942"/>
            <a:ext cx="37109226" cy="252516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4" y="11498251"/>
            <a:ext cx="23990487" cy="5622545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8811691"/>
            <a:ext cx="10871756" cy="1057394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8811691"/>
            <a:ext cx="10871756" cy="1057394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2433" y="18811691"/>
            <a:ext cx="10874090" cy="1057394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1498252"/>
            <a:ext cx="10871756" cy="625447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7307" y="17325463"/>
            <a:ext cx="23990491" cy="570414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240" userDrawn="1">
          <p15:clr>
            <a:srgbClr val="FBAE40"/>
          </p15:clr>
        </p15:guide>
        <p15:guide id="2" orient="horz" pos="11849" userDrawn="1">
          <p15:clr>
            <a:srgbClr val="FBAE40"/>
          </p15:clr>
        </p15:guide>
        <p15:guide id="3" orient="horz" pos="435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8" y="3944133"/>
            <a:ext cx="37199737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7158434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8133942"/>
            <a:ext cx="37143959" cy="252516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4" y="11758013"/>
            <a:ext cx="23990487" cy="8978342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22750595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22750595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11758013"/>
            <a:ext cx="10871756" cy="8978342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22750595"/>
            <a:ext cx="10871756" cy="66606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4894" y="20941023"/>
            <a:ext cx="23990487" cy="570414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774681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403" userDrawn="1">
          <p15:clr>
            <a:srgbClr val="FBAE40"/>
          </p15:clr>
        </p15:guide>
        <p15:guide id="2" orient="horz" pos="13060" userDrawn="1">
          <p15:clr>
            <a:srgbClr val="FBAE40"/>
          </p15:clr>
        </p15:guide>
        <p15:guide id="3" orient="horz" pos="1433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944133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7158434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8133942"/>
            <a:ext cx="37143959" cy="252516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4" y="19688914"/>
            <a:ext cx="23990487" cy="8978342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3" name="Picture Placeholder 5">
            <a:extLst>
              <a:ext uri="{FF2B5EF4-FFF2-40B4-BE49-F238E27FC236}">
                <a16:creationId xmlns:a16="http://schemas.microsoft.com/office/drawing/2014/main" id="{08EE184A-E84E-4C7B-B48C-29BF3179A827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27994775" y="19688914"/>
            <a:ext cx="10871750" cy="8978342"/>
          </a:xfrm>
          <a:noFill/>
        </p:spPr>
        <p:txBody>
          <a:bodyPr/>
          <a:lstStyle>
            <a:lvl1pPr algn="ctr"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2053788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2053788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2053788"/>
            <a:ext cx="10871756" cy="66606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4894" y="28871924"/>
            <a:ext cx="23990487" cy="570414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5" name="Text Placeholder 39">
            <a:extLst>
              <a:ext uri="{FF2B5EF4-FFF2-40B4-BE49-F238E27FC236}">
                <a16:creationId xmlns:a16="http://schemas.microsoft.com/office/drawing/2014/main" id="{BF017272-B7AD-4E47-9DFE-885A6D12FA0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27994775" y="28871927"/>
            <a:ext cx="10871750" cy="577903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 sz="1425"/>
            </a:lvl3pPr>
            <a:lvl4pPr>
              <a:spcAft>
                <a:spcPts val="0"/>
              </a:spcAft>
              <a:defRPr sz="1425"/>
            </a:lvl4pPr>
            <a:lvl5pPr>
              <a:spcAft>
                <a:spcPts val="0"/>
              </a:spcAft>
              <a:defRPr sz="1425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78279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592" userDrawn="1">
          <p15:clr>
            <a:srgbClr val="FBAE40"/>
          </p15:clr>
        </p15:guide>
        <p15:guide id="2" orient="horz" pos="12400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hidden="1">
            <a:extLst>
              <a:ext uri="{FF2B5EF4-FFF2-40B4-BE49-F238E27FC236}">
                <a16:creationId xmlns:a16="http://schemas.microsoft.com/office/drawing/2014/main" id="{2768CFE1-1FE9-4959-A383-DACF3849AD0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222" y="3"/>
            <a:ext cx="42675323" cy="30275213"/>
          </a:xfrm>
          <a:prstGeom prst="rect">
            <a:avLst/>
          </a:prstGeom>
        </p:spPr>
      </p:pic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984224DA-609D-4327-B612-98F80E4EB116}"/>
              </a:ext>
            </a:extLst>
          </p:cNvPr>
          <p:cNvCxnSpPr>
            <a:cxnSpLocks/>
          </p:cNvCxnSpPr>
          <p:nvPr userDrawn="1"/>
        </p:nvCxnSpPr>
        <p:spPr>
          <a:xfrm>
            <a:off x="1757303" y="27616907"/>
            <a:ext cx="1662655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618631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6655528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7631032"/>
            <a:ext cx="37143959" cy="316560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3" y="11254123"/>
            <a:ext cx="10871754" cy="4930540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AF7371C5-7F0A-434A-A2A8-B68F573D274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4876034" y="11254123"/>
            <a:ext cx="10871750" cy="4930540"/>
          </a:xfrm>
          <a:noFill/>
        </p:spPr>
        <p:txBody>
          <a:bodyPr/>
          <a:lstStyle>
            <a:lvl1pPr algn="ctr">
              <a:defRPr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8031776"/>
            <a:ext cx="10871756" cy="9025323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8031776"/>
            <a:ext cx="10871756" cy="9025323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18031776"/>
            <a:ext cx="10871756" cy="9025323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1254123"/>
            <a:ext cx="10871756" cy="58355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4892" y="16398191"/>
            <a:ext cx="10879752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3" name="Text Placeholder 39">
            <a:extLst>
              <a:ext uri="{FF2B5EF4-FFF2-40B4-BE49-F238E27FC236}">
                <a16:creationId xmlns:a16="http://schemas.microsoft.com/office/drawing/2014/main" id="{FF11E692-9ADC-4AEE-966C-1A32B9F9239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14876034" y="16398191"/>
            <a:ext cx="10871750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 sz="1425"/>
            </a:lvl3pPr>
            <a:lvl4pPr>
              <a:spcAft>
                <a:spcPts val="0"/>
              </a:spcAft>
              <a:defRPr sz="1425"/>
            </a:lvl4pPr>
            <a:lvl5pPr>
              <a:spcAft>
                <a:spcPts val="0"/>
              </a:spcAft>
              <a:defRPr sz="1425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759112" y="27745454"/>
            <a:ext cx="10869946" cy="253740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5F1D8CEF-D0FB-45D4-B635-3375C6CA6CF1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1710037" y="28581604"/>
            <a:ext cx="4292079" cy="829641"/>
          </a:xfrm>
        </p:spPr>
        <p:txBody>
          <a:bodyPr wrap="none" tIns="792000"/>
          <a:lstStyle>
            <a:lvl1pPr marL="0" marR="0" indent="0" algn="l" defTabSz="1086167" rtl="0" eaLnBrk="1" fontAlgn="auto" latinLnBrk="0" hangingPunct="1">
              <a:lnSpc>
                <a:spcPct val="110000"/>
              </a:lnSpc>
              <a:spcBef>
                <a:spcPts val="1425"/>
              </a:spcBef>
              <a:spcAft>
                <a:spcPts val="713"/>
              </a:spcAft>
              <a:buClrTx/>
              <a:buSzTx/>
              <a:buFont typeface="Arial" panose="020B0604020202020204" pitchFamily="34" charset="0"/>
              <a:buChar char="​"/>
              <a:tabLst/>
              <a:defRPr sz="1425"/>
            </a:lvl1pPr>
          </a:lstStyle>
          <a:p>
            <a:pPr marL="0" marR="0" lvl="0" indent="0" algn="l" defTabSz="1086167" rtl="0" eaLnBrk="1" fontAlgn="auto" latinLnBrk="0" hangingPunct="1">
              <a:lnSpc>
                <a:spcPct val="110000"/>
              </a:lnSpc>
              <a:spcBef>
                <a:spcPts val="1425"/>
              </a:spcBef>
              <a:spcAft>
                <a:spcPts val="713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da-DK" dirty="0"/>
              <a:t>Indsæt logoer: Vælg pladsholderen, indsæt logo via Templafy/Billeder</a:t>
            </a:r>
          </a:p>
          <a:p>
            <a:pPr lvl="0"/>
            <a:endParaRPr lang="da-DK" dirty="0"/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id="{4FFE6906-879E-4F81-8A51-B796EA23D70C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6602329" y="28577790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 dirty="0"/>
              <a:t>Indsæt logo</a:t>
            </a:r>
          </a:p>
        </p:txBody>
      </p:sp>
      <p:sp>
        <p:nvSpPr>
          <p:cNvPr id="30" name="Content Placeholder 7">
            <a:extLst>
              <a:ext uri="{FF2B5EF4-FFF2-40B4-BE49-F238E27FC236}">
                <a16:creationId xmlns:a16="http://schemas.microsoft.com/office/drawing/2014/main" id="{A05CAE3A-BC6D-406C-8AD0-547351F0DFD9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11494617" y="28581604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73830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43" userDrawn="1">
          <p15:clr>
            <a:srgbClr val="FBAE40"/>
          </p15:clr>
        </p15:guide>
        <p15:guide id="2" orient="horz" pos="11354" userDrawn="1">
          <p15:clr>
            <a:srgbClr val="FBAE40"/>
          </p15:clr>
        </p15:guide>
        <p15:guide id="3" orient="horz" pos="7086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984224DA-609D-4327-B612-98F80E4EB116}"/>
              </a:ext>
            </a:extLst>
          </p:cNvPr>
          <p:cNvCxnSpPr>
            <a:cxnSpLocks/>
          </p:cNvCxnSpPr>
          <p:nvPr userDrawn="1"/>
        </p:nvCxnSpPr>
        <p:spPr>
          <a:xfrm>
            <a:off x="1757303" y="27616907"/>
            <a:ext cx="1662655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618631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6655528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7631032"/>
            <a:ext cx="37143959" cy="316560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9" y="11219397"/>
            <a:ext cx="23988673" cy="7116627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20173534"/>
            <a:ext cx="10871756" cy="6883562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20173534"/>
            <a:ext cx="10871756" cy="6883562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11148214"/>
            <a:ext cx="10871756" cy="7187810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20173536"/>
            <a:ext cx="10871756" cy="688356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9114" y="18549551"/>
            <a:ext cx="23988677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759112" y="27745454"/>
            <a:ext cx="10869946" cy="253740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Content Placeholder 7">
            <a:extLst>
              <a:ext uri="{FF2B5EF4-FFF2-40B4-BE49-F238E27FC236}">
                <a16:creationId xmlns:a16="http://schemas.microsoft.com/office/drawing/2014/main" id="{028AC705-3D40-4618-8EEE-264CAE46F175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1710037" y="28581604"/>
            <a:ext cx="4292079" cy="829641"/>
          </a:xfrm>
        </p:spPr>
        <p:txBody>
          <a:bodyPr wrap="none" tIns="792000"/>
          <a:lstStyle>
            <a:lvl1pPr>
              <a:defRPr sz="1425"/>
            </a:lvl1pPr>
          </a:lstStyle>
          <a:p>
            <a:pPr lvl="0"/>
            <a:r>
              <a:rPr lang="da-DK" dirty="0"/>
              <a:t>Indsæt logoer: Vælg pladsholderen, indsæt logo via Templafy/Billeder</a:t>
            </a:r>
          </a:p>
        </p:txBody>
      </p:sp>
      <p:sp>
        <p:nvSpPr>
          <p:cNvPr id="18" name="Content Placeholder 7">
            <a:extLst>
              <a:ext uri="{FF2B5EF4-FFF2-40B4-BE49-F238E27FC236}">
                <a16:creationId xmlns:a16="http://schemas.microsoft.com/office/drawing/2014/main" id="{F81148F3-2B5A-42B9-BC29-3C7FCDC05ED2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6602329" y="28577790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19" name="Content Placeholder 7">
            <a:extLst>
              <a:ext uri="{FF2B5EF4-FFF2-40B4-BE49-F238E27FC236}">
                <a16:creationId xmlns:a16="http://schemas.microsoft.com/office/drawing/2014/main" id="{1FD6E152-4683-44BF-A4BF-F59EB6F19425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11494617" y="28581604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840374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43" userDrawn="1">
          <p15:clr>
            <a:srgbClr val="FBAE40"/>
          </p15:clr>
        </p15:guide>
        <p15:guide id="2" orient="horz" pos="7067" userDrawn="1">
          <p15:clr>
            <a:srgbClr val="FBAE40"/>
          </p15:clr>
        </p15:guide>
        <p15:guide id="3" orient="horz" pos="12706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C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hidden="1">
            <a:extLst>
              <a:ext uri="{FF2B5EF4-FFF2-40B4-BE49-F238E27FC236}">
                <a16:creationId xmlns:a16="http://schemas.microsoft.com/office/drawing/2014/main" id="{2768CFE1-1FE9-4959-A383-DACF3849AD0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222" y="3"/>
            <a:ext cx="42675323" cy="30275213"/>
          </a:xfrm>
          <a:prstGeom prst="rect">
            <a:avLst/>
          </a:prstGeom>
        </p:spPr>
      </p:pic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984224DA-609D-4327-B612-98F80E4EB116}"/>
              </a:ext>
            </a:extLst>
          </p:cNvPr>
          <p:cNvCxnSpPr>
            <a:cxnSpLocks/>
          </p:cNvCxnSpPr>
          <p:nvPr userDrawn="1"/>
        </p:nvCxnSpPr>
        <p:spPr>
          <a:xfrm>
            <a:off x="1757303" y="27616907"/>
            <a:ext cx="1662655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618631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6655528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7631034"/>
            <a:ext cx="37143959" cy="2608430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7" y="18059530"/>
            <a:ext cx="23990484" cy="8005374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AF7371C5-7F0A-434A-A2A8-B68F573D274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27994775" y="18059530"/>
            <a:ext cx="10871750" cy="8005374"/>
          </a:xfrm>
          <a:noFill/>
        </p:spPr>
        <p:txBody>
          <a:bodyPr/>
          <a:lstStyle>
            <a:lvl1pPr algn="ctr"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0706735"/>
            <a:ext cx="10871756" cy="657725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0706735"/>
            <a:ext cx="10871756" cy="657725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0706735"/>
            <a:ext cx="10871756" cy="657725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9114" y="26278431"/>
            <a:ext cx="23988677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3" name="Text Placeholder 39">
            <a:extLst>
              <a:ext uri="{FF2B5EF4-FFF2-40B4-BE49-F238E27FC236}">
                <a16:creationId xmlns:a16="http://schemas.microsoft.com/office/drawing/2014/main" id="{FF11E692-9ADC-4AEE-966C-1A32B9F9239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27994775" y="26278431"/>
            <a:ext cx="10871750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 sz="1425"/>
            </a:lvl3pPr>
            <a:lvl4pPr>
              <a:spcAft>
                <a:spcPts val="0"/>
              </a:spcAft>
              <a:defRPr sz="1425"/>
            </a:lvl4pPr>
            <a:lvl5pPr>
              <a:spcAft>
                <a:spcPts val="0"/>
              </a:spcAft>
              <a:defRPr sz="1425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759112" y="27745454"/>
            <a:ext cx="10869946" cy="253740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Content Placeholder 7">
            <a:extLst>
              <a:ext uri="{FF2B5EF4-FFF2-40B4-BE49-F238E27FC236}">
                <a16:creationId xmlns:a16="http://schemas.microsoft.com/office/drawing/2014/main" id="{178DC7DA-645B-4C84-8EFF-1093247F80AD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1710037" y="28581604"/>
            <a:ext cx="4292079" cy="829641"/>
          </a:xfrm>
        </p:spPr>
        <p:txBody>
          <a:bodyPr wrap="none" tIns="792000"/>
          <a:lstStyle>
            <a:lvl1pPr>
              <a:defRPr sz="1425"/>
            </a:lvl1pPr>
          </a:lstStyle>
          <a:p>
            <a:pPr lvl="0"/>
            <a:r>
              <a:rPr lang="da-DK" dirty="0"/>
              <a:t>Indsæt logoer: Vælg pladsholderen, indsæt logo via Templafy/Billeder</a:t>
            </a:r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id="{742795BD-7306-4C33-B166-CEF64E4501CD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6602329" y="28577790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28" name="Content Placeholder 7">
            <a:extLst>
              <a:ext uri="{FF2B5EF4-FFF2-40B4-BE49-F238E27FC236}">
                <a16:creationId xmlns:a16="http://schemas.microsoft.com/office/drawing/2014/main" id="{73C4409A-F7A2-4671-B771-920CA3EA69E9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11494617" y="28581604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638161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43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Box 2">
            <a:extLst>
              <a:ext uri="{FF2B5EF4-FFF2-40B4-BE49-F238E27FC236}">
                <a16:creationId xmlns:a16="http://schemas.microsoft.com/office/drawing/2014/main" id="{D8C6ED76-B595-47E9-A56A-9FE4FE8C10B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4873163" y="4859599"/>
            <a:ext cx="10455712" cy="1058315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425"/>
              </a:spcBef>
              <a:spcAft>
                <a:spcPts val="713"/>
              </a:spcAft>
              <a:defRPr/>
            </a:pPr>
            <a:r>
              <a:rPr lang="da-DK" sz="2376" b="1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Insert</a:t>
            </a: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a New Slide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endParaRPr lang="da-DK" altLang="da-DK" sz="2376" b="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ew Slide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</a:t>
            </a:r>
            <a:b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new slide</a:t>
            </a:r>
          </a:p>
          <a:p>
            <a:pPr eaLnBrk="1" hangingPunct="1">
              <a:spcAft>
                <a:spcPts val="713"/>
              </a:spcAft>
              <a:defRPr/>
            </a:pPr>
            <a:b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hange Slide Layout</a:t>
            </a:r>
            <a:endParaRPr lang="da-DK" altLang="da-DK" sz="2376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1.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lick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n the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arrow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next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b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to </a:t>
            </a: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Layout 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to view a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dropdown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b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menu of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ossibl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slide layouts</a:t>
            </a:r>
            <a:endParaRPr lang="da-DK" sz="2376" dirty="0">
              <a:latin typeface="Times New Roman" panose="02020603050405020304" pitchFamily="18" charset="0"/>
              <a:ea typeface="Times New Roman" panose="02020603050405020304" pitchFamily="18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2.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lick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n the layout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you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refer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and it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will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b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applied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to the new sli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da-DK" sz="2376" dirty="0">
              <a:solidFill>
                <a:srgbClr val="000000"/>
              </a:solidFill>
              <a:latin typeface="Arial" panose="020B0604020202020204" pitchFamily="34" charset="0"/>
              <a:ea typeface="Times New Roman" panose="02020603050405020304" pitchFamily="18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slides with picture placeholder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icon and choos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Aft>
                <a:spcPts val="713"/>
              </a:spcAft>
              <a:defRPr/>
            </a:pPr>
            <a:endParaRPr lang="da-DK" alt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change size o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want to scale the picture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 down while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ragging the corners of th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delete the picture and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a new one, the picture may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e in front of the text or graphic.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this happens, select the picture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ight-click and choos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nd to Back</a:t>
            </a:r>
          </a:p>
        </p:txBody>
      </p:sp>
      <p:pic>
        <p:nvPicPr>
          <p:cNvPr id="20" name="2 New picture">
            <a:extLst>
              <a:ext uri="{FF2B5EF4-FFF2-40B4-BE49-F238E27FC236}">
                <a16:creationId xmlns:a16="http://schemas.microsoft.com/office/drawing/2014/main" id="{C53F77E5-123B-460E-91D2-C8AEAECF489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3722345" y="5401199"/>
            <a:ext cx="1440579" cy="1295892"/>
          </a:xfrm>
          <a:prstGeom prst="rect">
            <a:avLst/>
          </a:prstGeom>
        </p:spPr>
      </p:pic>
      <p:pic>
        <p:nvPicPr>
          <p:cNvPr id="22" name="3 Layout">
            <a:extLst>
              <a:ext uri="{FF2B5EF4-FFF2-40B4-BE49-F238E27FC236}">
                <a16:creationId xmlns:a16="http://schemas.microsoft.com/office/drawing/2014/main" id="{ACE32B27-F31C-4144-8F79-E9A69BBE6E7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3722345" y="7893492"/>
            <a:ext cx="2581940" cy="422566"/>
          </a:xfrm>
          <a:prstGeom prst="rect">
            <a:avLst/>
          </a:prstGeom>
        </p:spPr>
      </p:pic>
      <p:pic>
        <p:nvPicPr>
          <p:cNvPr id="24" name="4 Reset">
            <a:extLst>
              <a:ext uri="{FF2B5EF4-FFF2-40B4-BE49-F238E27FC236}">
                <a16:creationId xmlns:a16="http://schemas.microsoft.com/office/drawing/2014/main" id="{7AAEFEBB-1405-43C0-AC5C-E334DD3AB93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638585" y="5280808"/>
            <a:ext cx="2307290" cy="474421"/>
          </a:xfrm>
          <a:prstGeom prst="rect">
            <a:avLst/>
          </a:prstGeom>
        </p:spPr>
      </p:pic>
      <p:pic>
        <p:nvPicPr>
          <p:cNvPr id="26" name="5 Insert picture">
            <a:extLst>
              <a:ext uri="{FF2B5EF4-FFF2-40B4-BE49-F238E27FC236}">
                <a16:creationId xmlns:a16="http://schemas.microsoft.com/office/drawing/2014/main" id="{7C5B03AD-1D3A-4F2A-8D89-8DC5129BFFA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4845430" y="10223167"/>
            <a:ext cx="856287" cy="422564"/>
          </a:xfrm>
          <a:prstGeom prst="rect">
            <a:avLst/>
          </a:prstGeom>
        </p:spPr>
      </p:pic>
      <p:pic>
        <p:nvPicPr>
          <p:cNvPr id="27" name="6 Crop">
            <a:extLst>
              <a:ext uri="{FF2B5EF4-FFF2-40B4-BE49-F238E27FC236}">
                <a16:creationId xmlns:a16="http://schemas.microsoft.com/office/drawing/2014/main" id="{F5D75245-3C79-4190-91FD-5ACA0AD878C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4769974" y="11820725"/>
            <a:ext cx="1119968" cy="539528"/>
          </a:xfrm>
          <a:prstGeom prst="rect">
            <a:avLst/>
          </a:prstGeom>
        </p:spPr>
      </p:pic>
      <p:pic>
        <p:nvPicPr>
          <p:cNvPr id="30" name="7 Scale picture">
            <a:extLst>
              <a:ext uri="{FF2B5EF4-FFF2-40B4-BE49-F238E27FC236}">
                <a16:creationId xmlns:a16="http://schemas.microsoft.com/office/drawing/2014/main" id="{44B622AC-9F37-4CF0-9135-D8668E4AC423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4565936" y="12818429"/>
            <a:ext cx="1193974" cy="562340"/>
          </a:xfrm>
          <a:prstGeom prst="rect">
            <a:avLst/>
          </a:prstGeom>
        </p:spPr>
      </p:pic>
      <p:sp>
        <p:nvSpPr>
          <p:cNvPr id="32" name="Text Box 2">
            <a:extLst>
              <a:ext uri="{FF2B5EF4-FFF2-40B4-BE49-F238E27FC236}">
                <a16:creationId xmlns:a16="http://schemas.microsoft.com/office/drawing/2014/main" id="{EE3FD718-B082-4E13-8531-D36043CE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710044" y="4871986"/>
            <a:ext cx="10924601" cy="3656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xt levels = text </a:t>
            </a: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3" name="Text Box 2">
            <a:extLst>
              <a:ext uri="{FF2B5EF4-FFF2-40B4-BE49-F238E27FC236}">
                <a16:creationId xmlns:a16="http://schemas.microsoft.com/office/drawing/2014/main" id="{B75053EE-94DD-4BE7-8535-DDF79D7DC96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775275" y="10976266"/>
            <a:ext cx="10455712" cy="24629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ext</a:t>
            </a: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styles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jump through </a:t>
            </a:r>
            <a:b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vels. Click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then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go back in levels us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-TAB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ely, </a:t>
            </a: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crease</a:t>
            </a:r>
            <a: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</a:t>
            </a:r>
            <a:b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crease </a:t>
            </a:r>
            <a: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st level can be used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34" name="1 Increase decrease">
            <a:extLst>
              <a:ext uri="{FF2B5EF4-FFF2-40B4-BE49-F238E27FC236}">
                <a16:creationId xmlns:a16="http://schemas.microsoft.com/office/drawing/2014/main" id="{3665062C-29D3-44F2-A087-EE9D8B1857C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617066" y="13032757"/>
            <a:ext cx="2159053" cy="566392"/>
          </a:xfrm>
          <a:prstGeom prst="rect">
            <a:avLst/>
          </a:prstGeom>
        </p:spPr>
      </p:pic>
      <p:sp>
        <p:nvSpPr>
          <p:cNvPr id="35" name="Text Box 2">
            <a:extLst>
              <a:ext uri="{FF2B5EF4-FFF2-40B4-BE49-F238E27FC236}">
                <a16:creationId xmlns:a16="http://schemas.microsoft.com/office/drawing/2014/main" id="{2D79327B-A82A-49E1-A04D-E3225F655E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8109652" y="4871987"/>
            <a:ext cx="10455712" cy="99416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fontAlgn="auto">
              <a:spcBef>
                <a:spcPts val="1425"/>
              </a:spcBef>
              <a:spcAft>
                <a:spcPts val="713"/>
              </a:spcAft>
              <a:buFont typeface="+mj-lt"/>
              <a:buNone/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10861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endParaRPr lang="da-DK" altLang="da-DK" sz="2376" b="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indent="0" algn="l" defTabSz="10861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enu to </a:t>
            </a:r>
            <a:b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position, size</a:t>
            </a: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atting of the slide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holders to their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fault settings</a:t>
            </a:r>
          </a:p>
          <a:p>
            <a:pPr marL="0" marR="0" indent="0" algn="l" defTabSz="10861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endParaRPr lang="da-DK" altLang="da-DK" sz="2376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footer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o this at the very end, so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you get all the corrections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write the desired text)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 to All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713"/>
              </a:spcAft>
              <a:defRPr/>
            </a:pPr>
            <a:endParaRPr lang="da-DK" altLang="da-DK" sz="2376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view drawing gu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, set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ck mark next to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  <a:endParaRPr lang="da-DK" altLang="da-DK" sz="2376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Alt + F9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quick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ing of guides</a:t>
            </a:r>
          </a:p>
        </p:txBody>
      </p:sp>
      <p:sp>
        <p:nvSpPr>
          <p:cNvPr id="36" name="Header">
            <a:extLst>
              <a:ext uri="{FF2B5EF4-FFF2-40B4-BE49-F238E27FC236}">
                <a16:creationId xmlns:a16="http://schemas.microsoft.com/office/drawing/2014/main" id="{217C2263-C143-4FDC-A0E9-D69C450DFF0F}"/>
              </a:ext>
            </a:extLst>
          </p:cNvPr>
          <p:cNvSpPr txBox="1"/>
          <p:nvPr userDrawn="1"/>
        </p:nvSpPr>
        <p:spPr>
          <a:xfrm>
            <a:off x="1664739" y="3163019"/>
            <a:ext cx="26416856" cy="78111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User guide –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delete</a:t>
            </a:r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before</a:t>
            </a:r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use</a:t>
            </a:r>
            <a:endParaRPr lang="da-DK" sz="3326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B47A066-FA25-4B1A-B445-116BC8AA58F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AD96299-3FF8-472D-A68A-1C25A847CC7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CE8058-7AD3-4A90-B7F7-480B49D6F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CEB6D7D2-8206-43A7-BDD7-A63694B216B4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775276" y="6164000"/>
            <a:ext cx="12122485" cy="38355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41196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theme" Target="../theme/theme1.xml"/><Relationship Id="rId13" Type="http://schemas.openxmlformats.org/officeDocument/2006/relationships/tags" Target="../tags/tag5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ags" Target="../tags/tag4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tags" Target="../tags/tag3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bin"/><Relationship Id="rId10" Type="http://schemas.openxmlformats.org/officeDocument/2006/relationships/tags" Target="../tags/tag2.xml"/><Relationship Id="rId4" Type="http://schemas.openxmlformats.org/officeDocument/2006/relationships/slideLayout" Target="../slideLayouts/slideLayout4.xml"/><Relationship Id="rId9" Type="http://schemas.openxmlformats.org/officeDocument/2006/relationships/tags" Target="../tags/tag1.xml"/><Relationship Id="rId14" Type="http://schemas.openxmlformats.org/officeDocument/2006/relationships/tags" Target="../tags/tag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10040" y="2681553"/>
            <a:ext cx="37156487" cy="252516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757308" y="7178778"/>
            <a:ext cx="37109222" cy="222068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, Header 32</a:t>
            </a:r>
          </a:p>
          <a:p>
            <a:pPr lvl="1"/>
            <a:r>
              <a:rPr lang="en-GB" noProof="0" dirty="0"/>
              <a:t>Level 2, Body 32</a:t>
            </a:r>
          </a:p>
          <a:p>
            <a:pPr lvl="2"/>
            <a:r>
              <a:rPr lang="en-GB" noProof="0" dirty="0"/>
              <a:t>Level 3, Body 32</a:t>
            </a:r>
          </a:p>
          <a:p>
            <a:pPr lvl="3"/>
            <a:r>
              <a:rPr lang="en-GB" noProof="0" dirty="0"/>
              <a:t>Level 4, Body 24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, Small Header 16</a:t>
            </a:r>
          </a:p>
          <a:p>
            <a:pPr lvl="6"/>
            <a:r>
              <a:rPr lang="en-GB" noProof="0" dirty="0"/>
              <a:t>Level 7, Small Body 16</a:t>
            </a:r>
          </a:p>
          <a:p>
            <a:pPr lvl="7"/>
            <a:r>
              <a:rPr lang="en-GB" noProof="0" dirty="0"/>
              <a:t>Level 8, Small Body 16</a:t>
            </a:r>
          </a:p>
          <a:p>
            <a:pPr lvl="7"/>
            <a:endParaRPr lang="en-GB" noProof="0" dirty="0"/>
          </a:p>
          <a:p>
            <a:pPr lvl="8"/>
            <a:r>
              <a:rPr lang="en-GB" noProof="0" dirty="0"/>
              <a:t>Infographic 110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1F0F379-B57E-4EE5-8B07-01F2955DB3D2}"/>
              </a:ext>
            </a:extLst>
          </p:cNvPr>
          <p:cNvCxnSpPr>
            <a:cxnSpLocks/>
          </p:cNvCxnSpPr>
          <p:nvPr userDrawn="1"/>
        </p:nvCxnSpPr>
        <p:spPr>
          <a:xfrm>
            <a:off x="1757303" y="1243230"/>
            <a:ext cx="1662655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51999794-01F0-4825-8DD8-13A8ED9821BE}"/>
              </a:ext>
            </a:extLst>
          </p:cNvPr>
          <p:cNvSpPr/>
          <p:nvPr userDrawn="1"/>
        </p:nvSpPr>
        <p:spPr>
          <a:xfrm rot="5400000">
            <a:off x="39525876" y="27404489"/>
            <a:ext cx="3118193" cy="89532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663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4BFE5BC-BC5C-4ADD-B236-9C4A05A34460}"/>
              </a:ext>
            </a:extLst>
          </p:cNvPr>
          <p:cNvSpPr/>
          <p:nvPr userDrawn="1"/>
        </p:nvSpPr>
        <p:spPr>
          <a:xfrm rot="5400000">
            <a:off x="39930112" y="24448210"/>
            <a:ext cx="2309718" cy="89532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1663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2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58.19016&lt;/Left&gt;&#10;      &lt;Top&gt;470.5001&lt;/Top&gt;&#10;      &lt;Width&gt;360&lt;/Width&gt;&#10;      &lt;Height&gt;693.020935&lt;/Height&gt;&#10;    &lt;/SubGrid&gt;&#10;    &lt;SubGrid&gt;&#10;      &lt;Left&gt;492.595123&lt;/Left&gt;&#10;      &lt;Top&gt;470.5001&lt;/Top&gt;&#10;      &lt;Width&gt;360&lt;/Width&gt;&#10;      &lt;Height&gt;693.020935&lt;/Height&gt;&#10;    &lt;/SubGrid&gt;&#10;    &lt;SubGrid&gt;&#10;      &lt;Left&gt;927&lt;/Left&gt;&#10;      &lt;Top&gt;470.5001&lt;/Top&gt;&#10;      &lt;Width&gt;360&lt;/Width&gt;&#10;      &lt;Height&gt;693.020935&lt;/Height&gt;&#10;    &lt;/SubGrid&gt;&#10;    &lt;SubGrid&gt;&#10;      &lt;Left&gt;58.19016&lt;/Left&gt;&#10;      &lt;Top&gt;1232.926&lt;/Top&gt;&#10;      &lt;Width&gt;360&lt;/Width&gt;&#10;      &lt;Height&gt;693.020935&lt;/Height&gt;&#10;    &lt;/SubGrid&gt;&#10;    &lt;SubGrid&gt;&#10;      &lt;Left&gt;492.595123&lt;/Left&gt;&#10;      &lt;Top&gt;1232.926&lt;/Top&gt;&#10;      &lt;Width&gt;360&lt;/Width&gt;&#10;      &lt;Height&gt;693.020935&lt;/Height&gt;&#10;    &lt;/SubGrid&gt;&#10;    &lt;SubGrid&gt;&#10;      &lt;Left&gt;926.9998&lt;/Left&gt;&#10;      &lt;Top&gt;1232.926&lt;/Top&gt;&#10;      &lt;Width&gt;360&lt;/Width&gt;&#10;      &lt;Height&gt;693.020935&lt;/Height&gt;&#10;    &lt;/SubGrid&gt;&#10;  &lt;/SubGrids&gt;&#10;  &lt;WorkArea&gt;&#10;    &lt;Top&gt;470.5001&lt;/Top&gt;&#10;    &lt;Left&gt;58.19016&lt;/Left&gt;&#10;    &lt;Width&gt;1228.80981&lt;/Width&gt;&#10;    &lt;Height&gt;1455.4469&lt;/Height&gt;&#10;  &lt;/WorkArea&gt;&#10;  &lt;AspectW&gt;-1&lt;/AspectW&gt;&#10;  &lt;AspectH&gt;-1&lt;/AspectH&gt;&#10;  &lt;Width&gt;1417.375&lt;/Width&gt;&#10;  &lt;Height&gt;1984.25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06B21253-F9D4-4216-867C-90365FE7332C}"/>
              </a:ext>
            </a:extLst>
          </p:cNvPr>
          <p:cNvSpPr/>
          <p:nvPr userDrawn="1"/>
        </p:nvSpPr>
        <p:spPr>
          <a:xfrm>
            <a:off x="1757308" y="7178778"/>
            <a:ext cx="37109222" cy="22206862"/>
          </a:xfrm>
          <a:prstGeom prst="rect">
            <a:avLst/>
          </a:prstGeom>
          <a:noFill/>
          <a:ln w="31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A1FF3923-7925-4F96-861A-B0B8B6DABDD9}"/>
              </a:ext>
            </a:extLst>
          </p:cNvPr>
          <p:cNvSpPr/>
          <p:nvPr userDrawn="1">
            <p:custDataLst>
              <p:tags r:id="rId9"/>
            </p:custDataLst>
          </p:nvPr>
        </p:nvSpPr>
        <p:spPr>
          <a:xfrm>
            <a:off x="1757305" y="7178778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8" name="Rectangle 7" hidden="1">
            <a:extLst>
              <a:ext uri="{FF2B5EF4-FFF2-40B4-BE49-F238E27FC236}">
                <a16:creationId xmlns:a16="http://schemas.microsoft.com/office/drawing/2014/main" id="{CE50407C-BA8A-4C1E-AA93-6BBAFD1F0D44}"/>
              </a:ext>
            </a:extLst>
          </p:cNvPr>
          <p:cNvSpPr/>
          <p:nvPr userDrawn="1">
            <p:custDataLst>
              <p:tags r:id="rId10"/>
            </p:custDataLst>
          </p:nvPr>
        </p:nvSpPr>
        <p:spPr>
          <a:xfrm>
            <a:off x="14876037" y="7178778"/>
            <a:ext cx="10868884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9" name="Rectangle 8" hidden="1">
            <a:extLst>
              <a:ext uri="{FF2B5EF4-FFF2-40B4-BE49-F238E27FC236}">
                <a16:creationId xmlns:a16="http://schemas.microsoft.com/office/drawing/2014/main" id="{304A5401-1A4C-4570-A7CF-9B53907A2974}"/>
              </a:ext>
            </a:extLst>
          </p:cNvPr>
          <p:cNvSpPr/>
          <p:nvPr userDrawn="1">
            <p:custDataLst>
              <p:tags r:id="rId11"/>
            </p:custDataLst>
          </p:nvPr>
        </p:nvSpPr>
        <p:spPr>
          <a:xfrm>
            <a:off x="27994774" y="7178778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00040083-ECBD-4B74-ADC6-935BE40142B7}"/>
              </a:ext>
            </a:extLst>
          </p:cNvPr>
          <p:cNvSpPr/>
          <p:nvPr userDrawn="1">
            <p:custDataLst>
              <p:tags r:id="rId12"/>
            </p:custDataLst>
          </p:nvPr>
        </p:nvSpPr>
        <p:spPr>
          <a:xfrm>
            <a:off x="1757305" y="18811692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63073520-EBB2-4A05-88CD-0C0C677B1802}"/>
              </a:ext>
            </a:extLst>
          </p:cNvPr>
          <p:cNvSpPr/>
          <p:nvPr userDrawn="1">
            <p:custDataLst>
              <p:tags r:id="rId13"/>
            </p:custDataLst>
          </p:nvPr>
        </p:nvSpPr>
        <p:spPr>
          <a:xfrm>
            <a:off x="14876041" y="18811692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AB98C284-411A-4CC4-8949-85D4F95A4464}"/>
              </a:ext>
            </a:extLst>
          </p:cNvPr>
          <p:cNvSpPr/>
          <p:nvPr userDrawn="1">
            <p:custDataLst>
              <p:tags r:id="rId14"/>
            </p:custDataLst>
          </p:nvPr>
        </p:nvSpPr>
        <p:spPr>
          <a:xfrm>
            <a:off x="27994769" y="18811692"/>
            <a:ext cx="10871754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3"/>
          </p:nvPr>
        </p:nvSpPr>
        <p:spPr>
          <a:xfrm rot="5400000">
            <a:off x="34593400" y="22503110"/>
            <a:ext cx="12983141" cy="89532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/>
              <a:t>Indsæt via sidefod: Afdeling, Syddansk Universitet/ Name, University of Southern Denmark</a:t>
            </a:r>
            <a:endParaRPr lang="en-GB" dirty="0"/>
          </a:p>
        </p:txBody>
      </p:sp>
      <p:sp>
        <p:nvSpPr>
          <p:cNvPr id="19" name="Slide Number Placeholder 18">
            <a:extLst>
              <a:ext uri="{FF2B5EF4-FFF2-40B4-BE49-F238E27FC236}">
                <a16:creationId xmlns:a16="http://schemas.microsoft.com/office/drawing/2014/main" id="{A99DA098-D8AC-4F76-B21B-ECD6320503A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30707747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19">
                <a:noFill/>
              </a:defRPr>
            </a:lvl1pPr>
          </a:lstStyle>
          <a:p>
            <a:fld id="{243D083C-813B-4EF1-9022-D19B331ACFAC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4" name="Date_GeneralDate"/>
          <p:cNvSpPr>
            <a:spLocks noGrp="1"/>
          </p:cNvSpPr>
          <p:nvPr>
            <p:ph type="dt" sz="half" idx="2"/>
          </p:nvPr>
        </p:nvSpPr>
        <p:spPr>
          <a:xfrm>
            <a:off x="0" y="30707747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9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0" name="text" descr="{&quot;templafy&quot;:{&quot;id&quot;:&quot;84c8f072-c5cc-4318-b605-c71eac6d1baf&quot;}}" title="UserProfile.Institut.InstituteDCU_{{DocumentLanguage}}">
            <a:extLst>
              <a:ext uri="{FF2B5EF4-FFF2-40B4-BE49-F238E27FC236}">
                <a16:creationId xmlns:a16="http://schemas.microsoft.com/office/drawing/2014/main" id="{349FE162-FB9A-4685-99E4-F16662D025BB}"/>
              </a:ext>
            </a:extLst>
          </p:cNvPr>
          <p:cNvSpPr txBox="1">
            <a:spLocks/>
          </p:cNvSpPr>
          <p:nvPr userDrawn="1"/>
        </p:nvSpPr>
        <p:spPr>
          <a:xfrm>
            <a:off x="1759107" y="773406"/>
            <a:ext cx="23988683" cy="397503"/>
          </a:xfrm>
          <a:prstGeom prst="rect">
            <a:avLst/>
          </a:prstGeom>
        </p:spPr>
        <p:txBody>
          <a:bodyPr lIns="0" tIns="0" rIns="0" bIns="0" anchor="b" anchorCtr="0"/>
          <a:lstStyle>
            <a:lvl1pPr marL="0" indent="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None/>
              <a:defRPr sz="14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None/>
              <a:defRPr sz="14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800"/>
              </a:spcAft>
              <a:buFont typeface="Arial" panose="020B0604020202020204" pitchFamily="34" charset="0"/>
              <a:buNone/>
              <a:tabLst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2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2800" dirty="0"/>
              <a:t>Arbejdsmiljø og Udvikling</a:t>
            </a:r>
          </a:p>
        </p:txBody>
      </p:sp>
      <p:pic>
        <p:nvPicPr>
          <p:cNvPr id="21" name="Logo black">
            <a:extLst>
              <a:ext uri="{FF2B5EF4-FFF2-40B4-BE49-F238E27FC236}">
                <a16:creationId xmlns:a16="http://schemas.microsoft.com/office/drawing/2014/main" id="{32ADEC37-C81F-894B-9FF8-8E13FF03CCA8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270943" y="889576"/>
            <a:ext cx="3366367" cy="9115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53" r:id="rId2"/>
    <p:sldLayoutId id="2147483755" r:id="rId3"/>
    <p:sldLayoutId id="2147483752" r:id="rId4"/>
    <p:sldLayoutId id="2147483754" r:id="rId5"/>
    <p:sldLayoutId id="2147483756" r:id="rId6"/>
    <p:sldLayoutId id="2147483746" r:id="rId7"/>
  </p:sldLayoutIdLst>
  <p:hf sldNum="0" hdr="0" dt="0"/>
  <p:txStyles>
    <p:titleStyle>
      <a:lvl1pPr algn="l" defTabSz="1086167" rtl="0" eaLnBrk="1" latinLnBrk="0" hangingPunct="1">
        <a:lnSpc>
          <a:spcPct val="88000"/>
        </a:lnSpc>
        <a:spcBef>
          <a:spcPct val="0"/>
        </a:spcBef>
        <a:buNone/>
        <a:defRPr sz="9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6167" rtl="0" eaLnBrk="1" latinLnBrk="0" hangingPunct="1">
        <a:lnSpc>
          <a:spcPct val="110000"/>
        </a:lnSpc>
        <a:spcBef>
          <a:spcPts val="1425"/>
        </a:spcBef>
        <a:spcAft>
          <a:spcPts val="713"/>
        </a:spcAft>
        <a:buFont typeface="Arial" panose="020B0604020202020204" pitchFamily="34" charset="0"/>
        <a:buChar char="​"/>
        <a:defRPr sz="3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1086167" rtl="0" eaLnBrk="1" latinLnBrk="0" hangingPunct="1">
        <a:lnSpc>
          <a:spcPct val="110000"/>
        </a:lnSpc>
        <a:spcBef>
          <a:spcPts val="0"/>
        </a:spcBef>
        <a:spcAft>
          <a:spcPts val="1425"/>
        </a:spcAft>
        <a:buFont typeface="Arial" panose="020B0604020202020204" pitchFamily="34" charset="0"/>
        <a:buChar char="​"/>
        <a:defRPr sz="3200" kern="1200">
          <a:solidFill>
            <a:schemeClr val="tx1"/>
          </a:solidFill>
          <a:latin typeface="+mn-lt"/>
          <a:ea typeface="+mn-ea"/>
          <a:cs typeface="+mn-cs"/>
        </a:defRPr>
      </a:lvl2pPr>
      <a:lvl3pPr marL="213812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1425"/>
        </a:spcAft>
        <a:buFont typeface="Arial" panose="020B0604020202020204" pitchFamily="34" charset="0"/>
        <a:buChar char="•"/>
        <a:defRPr sz="3200" kern="1200">
          <a:solidFill>
            <a:schemeClr val="tx1"/>
          </a:solidFill>
          <a:latin typeface="+mn-lt"/>
          <a:ea typeface="+mn-ea"/>
          <a:cs typeface="+mn-cs"/>
        </a:defRPr>
      </a:lvl3pPr>
      <a:lvl4pPr marL="427625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1188"/>
        </a:spcAft>
        <a:buFont typeface="Arial" panose="020B0604020202020204" pitchFamily="34" charset="0"/>
        <a:buChar char="•"/>
        <a:defRPr sz="24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641437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950"/>
        </a:spcAft>
        <a:buFont typeface="Arial" panose="020B0604020202020204" pitchFamily="34" charset="0"/>
        <a:buChar char="•"/>
        <a:tabLst/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1086167" rtl="0" eaLnBrk="1" latinLnBrk="0" hangingPunct="1">
        <a:lnSpc>
          <a:spcPct val="110000"/>
        </a:lnSpc>
        <a:spcBef>
          <a:spcPts val="713"/>
        </a:spcBef>
        <a:spcAft>
          <a:spcPts val="713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1086167" rtl="0" eaLnBrk="1" latinLnBrk="0" hangingPunct="1">
        <a:lnSpc>
          <a:spcPct val="110000"/>
        </a:lnSpc>
        <a:spcBef>
          <a:spcPts val="0"/>
        </a:spcBef>
        <a:spcAft>
          <a:spcPts val="713"/>
        </a:spcAft>
        <a:buFont typeface="Arial" panose="020B0604020202020204" pitchFamily="34" charset="0"/>
        <a:buChar char="​"/>
        <a:defRPr sz="16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213812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713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1086167" rtl="0" eaLnBrk="1" latinLnBrk="0" hangingPunct="1">
        <a:lnSpc>
          <a:spcPct val="83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10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1pPr>
      <a:lvl2pPr marL="543083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2pPr>
      <a:lvl3pPr marL="108616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3pPr>
      <a:lvl4pPr marL="1629251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4pPr>
      <a:lvl5pPr marL="2172334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5pPr>
      <a:lvl6pPr marL="271541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6pPr>
      <a:lvl7pPr marL="3258500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7pPr>
      <a:lvl8pPr marL="3801584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8pPr>
      <a:lvl9pPr marL="434466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1077" userDrawn="1">
          <p15:clr>
            <a:srgbClr val="F26B43"/>
          </p15:clr>
        </p15:guide>
        <p15:guide id="3" orient="horz" pos="2484" userDrawn="1">
          <p15:clr>
            <a:srgbClr val="F26B43"/>
          </p15:clr>
        </p15:guide>
        <p15:guide id="4" pos="25852" userDrawn="1">
          <p15:clr>
            <a:srgbClr val="F26B43"/>
          </p15:clr>
        </p15:guide>
        <p15:guide id="5" orient="horz" pos="18527" userDrawn="1">
          <p15:clr>
            <a:srgbClr val="F26B43"/>
          </p15:clr>
        </p15:guide>
        <p15:guide id="6" orient="horz" pos="4522" userDrawn="1">
          <p15:clr>
            <a:srgbClr val="F26B43"/>
          </p15:clr>
        </p15:guide>
        <p15:guide id="7" pos="24483" userDrawn="1">
          <p15:clr>
            <a:srgbClr val="F26B43"/>
          </p15:clr>
        </p15:guide>
        <p15:guide id="8" pos="7958" userDrawn="1">
          <p15:clr>
            <a:srgbClr val="F26B43"/>
          </p15:clr>
        </p15:guide>
        <p15:guide id="9" pos="9368" userDrawn="1">
          <p15:clr>
            <a:srgbClr val="F26B43"/>
          </p15:clr>
        </p15:guide>
        <p15:guide id="10" pos="16218" userDrawn="1">
          <p15:clr>
            <a:srgbClr val="F26B43"/>
          </p15:clr>
        </p15:guide>
        <p15:guide id="11" pos="1762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chart" Target="../charts/char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Diagram 4">
            <a:extLst>
              <a:ext uri="{FF2B5EF4-FFF2-40B4-BE49-F238E27FC236}">
                <a16:creationId xmlns:a16="http://schemas.microsoft.com/office/drawing/2014/main" id="{7629BF7F-9A6E-9524-1595-C1F00C1A5941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662229143"/>
              </p:ext>
            </p:extLst>
          </p:nvPr>
        </p:nvGraphicFramePr>
        <p:xfrm>
          <a:off x="12427420" y="8924630"/>
          <a:ext cx="15023241" cy="1242055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C31653C-D4F3-4F1C-8C75-BAE4D4EF3B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12086" y="2074741"/>
            <a:ext cx="37154438" cy="2525161"/>
          </a:xfrm>
        </p:spPr>
        <p:txBody>
          <a:bodyPr/>
          <a:lstStyle/>
          <a:p>
            <a:r>
              <a:rPr lang="da-DK" sz="5000" dirty="0"/>
              <a:t>Årshjul 2026</a:t>
            </a:r>
            <a:br>
              <a:rPr lang="da-DK" sz="5000" dirty="0"/>
            </a:br>
            <a:r>
              <a:rPr lang="da-DK" sz="5000" dirty="0"/>
              <a:t>Arbejdsmiljøgruppen KI og IRS</a:t>
            </a:r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9D7A0D6A-5CAC-4D5C-872D-E11B1988B17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8F4EC08-0B50-C710-571F-12D8513722D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24251478"/>
            <a:ext cx="10871756" cy="2805621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52481004-C087-AC3A-537B-5B4D54595E1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24251478"/>
            <a:ext cx="10871756" cy="2805621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53" name="Kombinationstegning 52">
            <a:extLst>
              <a:ext uri="{FF2B5EF4-FFF2-40B4-BE49-F238E27FC236}">
                <a16:creationId xmlns:a16="http://schemas.microsoft.com/office/drawing/2014/main" id="{C07BB74D-1E52-69DB-2BD8-0C7BDDE1A81E}"/>
              </a:ext>
            </a:extLst>
          </p:cNvPr>
          <p:cNvSpPr/>
          <p:nvPr/>
        </p:nvSpPr>
        <p:spPr>
          <a:xfrm rot="10800000">
            <a:off x="25228231" y="13625572"/>
            <a:ext cx="3392153" cy="58900"/>
          </a:xfrm>
          <a:custGeom>
            <a:avLst/>
            <a:gdLst>
              <a:gd name="connsiteX0" fmla="*/ 0 w 468663"/>
              <a:gd name="connsiteY0" fmla="*/ 0 h 7757"/>
              <a:gd name="connsiteX1" fmla="*/ 468664 w 468663"/>
              <a:gd name="connsiteY1" fmla="*/ 0 h 775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468663" h="7757">
                <a:moveTo>
                  <a:pt x="0" y="0"/>
                </a:moveTo>
                <a:lnTo>
                  <a:pt x="468664" y="0"/>
                </a:lnTo>
              </a:path>
            </a:pathLst>
          </a:custGeom>
          <a:ln w="38100" cap="flat">
            <a:solidFill>
              <a:srgbClr val="1D1D1B"/>
            </a:solidFill>
            <a:prstDash val="solid"/>
            <a:miter/>
            <a:tail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55" name="Kombinationstegning 54">
            <a:extLst>
              <a:ext uri="{FF2B5EF4-FFF2-40B4-BE49-F238E27FC236}">
                <a16:creationId xmlns:a16="http://schemas.microsoft.com/office/drawing/2014/main" id="{7E49DA9E-B3D8-A0A7-1495-BE723FFA8E62}"/>
              </a:ext>
            </a:extLst>
          </p:cNvPr>
          <p:cNvSpPr/>
          <p:nvPr/>
        </p:nvSpPr>
        <p:spPr>
          <a:xfrm rot="10800000">
            <a:off x="25275441" y="16590739"/>
            <a:ext cx="1684447" cy="45719"/>
          </a:xfrm>
          <a:custGeom>
            <a:avLst/>
            <a:gdLst>
              <a:gd name="connsiteX0" fmla="*/ 0 w 199449"/>
              <a:gd name="connsiteY0" fmla="*/ 0 h 7757"/>
              <a:gd name="connsiteX1" fmla="*/ 199449 w 199449"/>
              <a:gd name="connsiteY1" fmla="*/ 0 h 775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99449" h="7757">
                <a:moveTo>
                  <a:pt x="0" y="0"/>
                </a:moveTo>
                <a:lnTo>
                  <a:pt x="199449" y="0"/>
                </a:lnTo>
              </a:path>
            </a:pathLst>
          </a:custGeom>
          <a:ln w="38100" cap="flat">
            <a:solidFill>
              <a:srgbClr val="1D1D1B"/>
            </a:solidFill>
            <a:prstDash val="solid"/>
            <a:miter/>
            <a:tailEnd type="oval"/>
          </a:ln>
        </p:spPr>
        <p:txBody>
          <a:bodyPr rtlCol="0" anchor="ctr"/>
          <a:lstStyle/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76" name="Kombinationstegning 75">
            <a:extLst>
              <a:ext uri="{FF2B5EF4-FFF2-40B4-BE49-F238E27FC236}">
                <a16:creationId xmlns:a16="http://schemas.microsoft.com/office/drawing/2014/main" id="{A037C205-10AC-B322-31D8-5569D8E3DD06}"/>
              </a:ext>
            </a:extLst>
          </p:cNvPr>
          <p:cNvSpPr/>
          <p:nvPr/>
        </p:nvSpPr>
        <p:spPr>
          <a:xfrm>
            <a:off x="18170730" y="15808194"/>
            <a:ext cx="34602" cy="50435"/>
          </a:xfrm>
          <a:custGeom>
            <a:avLst/>
            <a:gdLst>
              <a:gd name="connsiteX0" fmla="*/ 1860 w 12092"/>
              <a:gd name="connsiteY0" fmla="*/ 17688 h 17688"/>
              <a:gd name="connsiteX1" fmla="*/ 5039 w 12092"/>
              <a:gd name="connsiteY1" fmla="*/ 10473 h 17688"/>
              <a:gd name="connsiteX2" fmla="*/ 0 w 12092"/>
              <a:gd name="connsiteY2" fmla="*/ 0 h 17688"/>
              <a:gd name="connsiteX3" fmla="*/ 2558 w 12092"/>
              <a:gd name="connsiteY3" fmla="*/ 0 h 17688"/>
              <a:gd name="connsiteX4" fmla="*/ 6202 w 12092"/>
              <a:gd name="connsiteY4" fmla="*/ 7680 h 17688"/>
              <a:gd name="connsiteX5" fmla="*/ 9612 w 12092"/>
              <a:gd name="connsiteY5" fmla="*/ 0 h 17688"/>
              <a:gd name="connsiteX6" fmla="*/ 12093 w 12092"/>
              <a:gd name="connsiteY6" fmla="*/ 0 h 17688"/>
              <a:gd name="connsiteX7" fmla="*/ 4418 w 12092"/>
              <a:gd name="connsiteY7" fmla="*/ 17688 h 17688"/>
              <a:gd name="connsiteX8" fmla="*/ 1860 w 12092"/>
              <a:gd name="connsiteY8" fmla="*/ 17688 h 176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092" h="17688">
                <a:moveTo>
                  <a:pt x="1860" y="17688"/>
                </a:moveTo>
                <a:lnTo>
                  <a:pt x="5039" y="10473"/>
                </a:lnTo>
                <a:lnTo>
                  <a:pt x="0" y="0"/>
                </a:lnTo>
                <a:lnTo>
                  <a:pt x="2558" y="0"/>
                </a:lnTo>
                <a:lnTo>
                  <a:pt x="6202" y="7680"/>
                </a:lnTo>
                <a:lnTo>
                  <a:pt x="9612" y="0"/>
                </a:lnTo>
                <a:lnTo>
                  <a:pt x="12093" y="0"/>
                </a:lnTo>
                <a:lnTo>
                  <a:pt x="4418" y="17688"/>
                </a:lnTo>
                <a:lnTo>
                  <a:pt x="1860" y="17688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78" name="Kombinationstegning 77">
            <a:extLst>
              <a:ext uri="{FF2B5EF4-FFF2-40B4-BE49-F238E27FC236}">
                <a16:creationId xmlns:a16="http://schemas.microsoft.com/office/drawing/2014/main" id="{2ED95875-85C0-579F-D3BF-BA0B6E236B72}"/>
              </a:ext>
            </a:extLst>
          </p:cNvPr>
          <p:cNvSpPr/>
          <p:nvPr/>
        </p:nvSpPr>
        <p:spPr>
          <a:xfrm>
            <a:off x="18213322" y="15790941"/>
            <a:ext cx="33935" cy="51319"/>
          </a:xfrm>
          <a:custGeom>
            <a:avLst/>
            <a:gdLst>
              <a:gd name="connsiteX0" fmla="*/ 9457 w 11859"/>
              <a:gd name="connsiteY0" fmla="*/ 9697 h 17998"/>
              <a:gd name="connsiteX1" fmla="*/ 8062 w 11859"/>
              <a:gd name="connsiteY1" fmla="*/ 8534 h 17998"/>
              <a:gd name="connsiteX2" fmla="*/ 6124 w 11859"/>
              <a:gd name="connsiteY2" fmla="*/ 8068 h 17998"/>
              <a:gd name="connsiteX3" fmla="*/ 4573 w 11859"/>
              <a:gd name="connsiteY3" fmla="*/ 8378 h 17998"/>
              <a:gd name="connsiteX4" fmla="*/ 3411 w 11859"/>
              <a:gd name="connsiteY4" fmla="*/ 9232 h 17998"/>
              <a:gd name="connsiteX5" fmla="*/ 2635 w 11859"/>
              <a:gd name="connsiteY5" fmla="*/ 10473 h 17998"/>
              <a:gd name="connsiteX6" fmla="*/ 2325 w 11859"/>
              <a:gd name="connsiteY6" fmla="*/ 11947 h 17998"/>
              <a:gd name="connsiteX7" fmla="*/ 2635 w 11859"/>
              <a:gd name="connsiteY7" fmla="*/ 13421 h 17998"/>
              <a:gd name="connsiteX8" fmla="*/ 3488 w 11859"/>
              <a:gd name="connsiteY8" fmla="*/ 14662 h 17998"/>
              <a:gd name="connsiteX9" fmla="*/ 4728 w 11859"/>
              <a:gd name="connsiteY9" fmla="*/ 15516 h 17998"/>
              <a:gd name="connsiteX10" fmla="*/ 6279 w 11859"/>
              <a:gd name="connsiteY10" fmla="*/ 15826 h 17998"/>
              <a:gd name="connsiteX11" fmla="*/ 8062 w 11859"/>
              <a:gd name="connsiteY11" fmla="*/ 15361 h 17998"/>
              <a:gd name="connsiteX12" fmla="*/ 9534 w 11859"/>
              <a:gd name="connsiteY12" fmla="*/ 14119 h 17998"/>
              <a:gd name="connsiteX13" fmla="*/ 9534 w 11859"/>
              <a:gd name="connsiteY13" fmla="*/ 9697 h 17998"/>
              <a:gd name="connsiteX14" fmla="*/ 9534 w 11859"/>
              <a:gd name="connsiteY14" fmla="*/ 16679 h 17998"/>
              <a:gd name="connsiteX15" fmla="*/ 7906 w 11859"/>
              <a:gd name="connsiteY15" fmla="*/ 17688 h 17998"/>
              <a:gd name="connsiteX16" fmla="*/ 5968 w 11859"/>
              <a:gd name="connsiteY16" fmla="*/ 17998 h 17998"/>
              <a:gd name="connsiteX17" fmla="*/ 4418 w 11859"/>
              <a:gd name="connsiteY17" fmla="*/ 17765 h 17998"/>
              <a:gd name="connsiteX18" fmla="*/ 3023 w 11859"/>
              <a:gd name="connsiteY18" fmla="*/ 17223 h 17998"/>
              <a:gd name="connsiteX19" fmla="*/ 853 w 11859"/>
              <a:gd name="connsiteY19" fmla="*/ 15050 h 17998"/>
              <a:gd name="connsiteX20" fmla="*/ 0 w 11859"/>
              <a:gd name="connsiteY20" fmla="*/ 11870 h 17998"/>
              <a:gd name="connsiteX21" fmla="*/ 853 w 11859"/>
              <a:gd name="connsiteY21" fmla="*/ 8689 h 17998"/>
              <a:gd name="connsiteX22" fmla="*/ 3023 w 11859"/>
              <a:gd name="connsiteY22" fmla="*/ 6517 h 17998"/>
              <a:gd name="connsiteX23" fmla="*/ 4341 w 11859"/>
              <a:gd name="connsiteY23" fmla="*/ 5974 h 17998"/>
              <a:gd name="connsiteX24" fmla="*/ 5891 w 11859"/>
              <a:gd name="connsiteY24" fmla="*/ 5741 h 17998"/>
              <a:gd name="connsiteX25" fmla="*/ 7752 w 11859"/>
              <a:gd name="connsiteY25" fmla="*/ 6051 h 17998"/>
              <a:gd name="connsiteX26" fmla="*/ 9457 w 11859"/>
              <a:gd name="connsiteY26" fmla="*/ 6982 h 17998"/>
              <a:gd name="connsiteX27" fmla="*/ 9457 w 11859"/>
              <a:gd name="connsiteY27" fmla="*/ 0 h 17998"/>
              <a:gd name="connsiteX28" fmla="*/ 11860 w 11859"/>
              <a:gd name="connsiteY28" fmla="*/ 0 h 17998"/>
              <a:gd name="connsiteX29" fmla="*/ 11860 w 11859"/>
              <a:gd name="connsiteY29" fmla="*/ 17765 h 17998"/>
              <a:gd name="connsiteX30" fmla="*/ 9534 w 11859"/>
              <a:gd name="connsiteY30" fmla="*/ 17765 h 17998"/>
              <a:gd name="connsiteX31" fmla="*/ 9534 w 11859"/>
              <a:gd name="connsiteY31" fmla="*/ 16679 h 1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1859" h="17998">
                <a:moveTo>
                  <a:pt x="9457" y="9697"/>
                </a:moveTo>
                <a:cubicBezTo>
                  <a:pt x="9069" y="9232"/>
                  <a:pt x="8604" y="8844"/>
                  <a:pt x="8062" y="8534"/>
                </a:cubicBezTo>
                <a:cubicBezTo>
                  <a:pt x="7519" y="8223"/>
                  <a:pt x="6821" y="8068"/>
                  <a:pt x="6124" y="8068"/>
                </a:cubicBezTo>
                <a:cubicBezTo>
                  <a:pt x="5581" y="8068"/>
                  <a:pt x="5038" y="8146"/>
                  <a:pt x="4573" y="8378"/>
                </a:cubicBezTo>
                <a:cubicBezTo>
                  <a:pt x="4108" y="8611"/>
                  <a:pt x="3721" y="8844"/>
                  <a:pt x="3411" y="9232"/>
                </a:cubicBezTo>
                <a:cubicBezTo>
                  <a:pt x="3100" y="9620"/>
                  <a:pt x="2790" y="10008"/>
                  <a:pt x="2635" y="10473"/>
                </a:cubicBezTo>
                <a:cubicBezTo>
                  <a:pt x="2480" y="10939"/>
                  <a:pt x="2325" y="11404"/>
                  <a:pt x="2325" y="11947"/>
                </a:cubicBezTo>
                <a:cubicBezTo>
                  <a:pt x="2325" y="12490"/>
                  <a:pt x="2403" y="12956"/>
                  <a:pt x="2635" y="13421"/>
                </a:cubicBezTo>
                <a:cubicBezTo>
                  <a:pt x="2868" y="13887"/>
                  <a:pt x="3100" y="14275"/>
                  <a:pt x="3488" y="14662"/>
                </a:cubicBezTo>
                <a:cubicBezTo>
                  <a:pt x="3798" y="15050"/>
                  <a:pt x="4263" y="15283"/>
                  <a:pt x="4728" y="15516"/>
                </a:cubicBezTo>
                <a:cubicBezTo>
                  <a:pt x="5193" y="15749"/>
                  <a:pt x="5736" y="15826"/>
                  <a:pt x="6279" y="15826"/>
                </a:cubicBezTo>
                <a:cubicBezTo>
                  <a:pt x="6899" y="15826"/>
                  <a:pt x="7441" y="15671"/>
                  <a:pt x="8062" y="15361"/>
                </a:cubicBezTo>
                <a:cubicBezTo>
                  <a:pt x="8604" y="15050"/>
                  <a:pt x="9147" y="14662"/>
                  <a:pt x="9534" y="14119"/>
                </a:cubicBezTo>
                <a:lnTo>
                  <a:pt x="9534" y="9697"/>
                </a:lnTo>
                <a:close/>
                <a:moveTo>
                  <a:pt x="9534" y="16679"/>
                </a:moveTo>
                <a:cubicBezTo>
                  <a:pt x="9069" y="17145"/>
                  <a:pt x="8527" y="17455"/>
                  <a:pt x="7906" y="17688"/>
                </a:cubicBezTo>
                <a:cubicBezTo>
                  <a:pt x="7287" y="17921"/>
                  <a:pt x="6666" y="17998"/>
                  <a:pt x="5968" y="17998"/>
                </a:cubicBezTo>
                <a:cubicBezTo>
                  <a:pt x="5426" y="17998"/>
                  <a:pt x="4884" y="17998"/>
                  <a:pt x="4418" y="17765"/>
                </a:cubicBezTo>
                <a:cubicBezTo>
                  <a:pt x="3876" y="17610"/>
                  <a:pt x="3411" y="17455"/>
                  <a:pt x="3023" y="17223"/>
                </a:cubicBezTo>
                <a:cubicBezTo>
                  <a:pt x="2093" y="16679"/>
                  <a:pt x="1395" y="15981"/>
                  <a:pt x="853" y="15050"/>
                </a:cubicBezTo>
                <a:cubicBezTo>
                  <a:pt x="310" y="14119"/>
                  <a:pt x="0" y="13111"/>
                  <a:pt x="0" y="11870"/>
                </a:cubicBezTo>
                <a:cubicBezTo>
                  <a:pt x="0" y="10628"/>
                  <a:pt x="310" y="9620"/>
                  <a:pt x="853" y="8689"/>
                </a:cubicBezTo>
                <a:cubicBezTo>
                  <a:pt x="1395" y="7758"/>
                  <a:pt x="2170" y="7060"/>
                  <a:pt x="3023" y="6517"/>
                </a:cubicBezTo>
                <a:cubicBezTo>
                  <a:pt x="3411" y="6284"/>
                  <a:pt x="3876" y="6129"/>
                  <a:pt x="4341" y="5974"/>
                </a:cubicBezTo>
                <a:cubicBezTo>
                  <a:pt x="4806" y="5818"/>
                  <a:pt x="5349" y="5741"/>
                  <a:pt x="5891" y="5741"/>
                </a:cubicBezTo>
                <a:cubicBezTo>
                  <a:pt x="6511" y="5741"/>
                  <a:pt x="7131" y="5818"/>
                  <a:pt x="7752" y="6051"/>
                </a:cubicBezTo>
                <a:cubicBezTo>
                  <a:pt x="8371" y="6284"/>
                  <a:pt x="8914" y="6594"/>
                  <a:pt x="9457" y="6982"/>
                </a:cubicBezTo>
                <a:lnTo>
                  <a:pt x="9457" y="0"/>
                </a:lnTo>
                <a:lnTo>
                  <a:pt x="11860" y="0"/>
                </a:lnTo>
                <a:lnTo>
                  <a:pt x="11860" y="17765"/>
                </a:lnTo>
                <a:lnTo>
                  <a:pt x="9534" y="17765"/>
                </a:lnTo>
                <a:lnTo>
                  <a:pt x="9534" y="16679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79" name="Kombinationstegning 78">
            <a:extLst>
              <a:ext uri="{FF2B5EF4-FFF2-40B4-BE49-F238E27FC236}">
                <a16:creationId xmlns:a16="http://schemas.microsoft.com/office/drawing/2014/main" id="{326513E0-71D1-D87B-020D-03147038C08C}"/>
              </a:ext>
            </a:extLst>
          </p:cNvPr>
          <p:cNvSpPr/>
          <p:nvPr/>
        </p:nvSpPr>
        <p:spPr>
          <a:xfrm>
            <a:off x="18260123" y="15790941"/>
            <a:ext cx="33935" cy="51319"/>
          </a:xfrm>
          <a:custGeom>
            <a:avLst/>
            <a:gdLst>
              <a:gd name="connsiteX0" fmla="*/ 9457 w 11859"/>
              <a:gd name="connsiteY0" fmla="*/ 9697 h 17998"/>
              <a:gd name="connsiteX1" fmla="*/ 8062 w 11859"/>
              <a:gd name="connsiteY1" fmla="*/ 8534 h 17998"/>
              <a:gd name="connsiteX2" fmla="*/ 6124 w 11859"/>
              <a:gd name="connsiteY2" fmla="*/ 8068 h 17998"/>
              <a:gd name="connsiteX3" fmla="*/ 4573 w 11859"/>
              <a:gd name="connsiteY3" fmla="*/ 8378 h 17998"/>
              <a:gd name="connsiteX4" fmla="*/ 3411 w 11859"/>
              <a:gd name="connsiteY4" fmla="*/ 9232 h 17998"/>
              <a:gd name="connsiteX5" fmla="*/ 2635 w 11859"/>
              <a:gd name="connsiteY5" fmla="*/ 10473 h 17998"/>
              <a:gd name="connsiteX6" fmla="*/ 2325 w 11859"/>
              <a:gd name="connsiteY6" fmla="*/ 11947 h 17998"/>
              <a:gd name="connsiteX7" fmla="*/ 2635 w 11859"/>
              <a:gd name="connsiteY7" fmla="*/ 13421 h 17998"/>
              <a:gd name="connsiteX8" fmla="*/ 3488 w 11859"/>
              <a:gd name="connsiteY8" fmla="*/ 14662 h 17998"/>
              <a:gd name="connsiteX9" fmla="*/ 4728 w 11859"/>
              <a:gd name="connsiteY9" fmla="*/ 15516 h 17998"/>
              <a:gd name="connsiteX10" fmla="*/ 6279 w 11859"/>
              <a:gd name="connsiteY10" fmla="*/ 15826 h 17998"/>
              <a:gd name="connsiteX11" fmla="*/ 8062 w 11859"/>
              <a:gd name="connsiteY11" fmla="*/ 15361 h 17998"/>
              <a:gd name="connsiteX12" fmla="*/ 9534 w 11859"/>
              <a:gd name="connsiteY12" fmla="*/ 14119 h 17998"/>
              <a:gd name="connsiteX13" fmla="*/ 9534 w 11859"/>
              <a:gd name="connsiteY13" fmla="*/ 9697 h 17998"/>
              <a:gd name="connsiteX14" fmla="*/ 9534 w 11859"/>
              <a:gd name="connsiteY14" fmla="*/ 16679 h 17998"/>
              <a:gd name="connsiteX15" fmla="*/ 7907 w 11859"/>
              <a:gd name="connsiteY15" fmla="*/ 17688 h 17998"/>
              <a:gd name="connsiteX16" fmla="*/ 5969 w 11859"/>
              <a:gd name="connsiteY16" fmla="*/ 17998 h 17998"/>
              <a:gd name="connsiteX17" fmla="*/ 4418 w 11859"/>
              <a:gd name="connsiteY17" fmla="*/ 17765 h 17998"/>
              <a:gd name="connsiteX18" fmla="*/ 3023 w 11859"/>
              <a:gd name="connsiteY18" fmla="*/ 17223 h 17998"/>
              <a:gd name="connsiteX19" fmla="*/ 853 w 11859"/>
              <a:gd name="connsiteY19" fmla="*/ 15050 h 17998"/>
              <a:gd name="connsiteX20" fmla="*/ 0 w 11859"/>
              <a:gd name="connsiteY20" fmla="*/ 11870 h 17998"/>
              <a:gd name="connsiteX21" fmla="*/ 853 w 11859"/>
              <a:gd name="connsiteY21" fmla="*/ 8689 h 17998"/>
              <a:gd name="connsiteX22" fmla="*/ 3023 w 11859"/>
              <a:gd name="connsiteY22" fmla="*/ 6517 h 17998"/>
              <a:gd name="connsiteX23" fmla="*/ 4341 w 11859"/>
              <a:gd name="connsiteY23" fmla="*/ 5974 h 17998"/>
              <a:gd name="connsiteX24" fmla="*/ 5891 w 11859"/>
              <a:gd name="connsiteY24" fmla="*/ 5741 h 17998"/>
              <a:gd name="connsiteX25" fmla="*/ 7752 w 11859"/>
              <a:gd name="connsiteY25" fmla="*/ 6051 h 17998"/>
              <a:gd name="connsiteX26" fmla="*/ 9457 w 11859"/>
              <a:gd name="connsiteY26" fmla="*/ 6982 h 17998"/>
              <a:gd name="connsiteX27" fmla="*/ 9457 w 11859"/>
              <a:gd name="connsiteY27" fmla="*/ 0 h 17998"/>
              <a:gd name="connsiteX28" fmla="*/ 11860 w 11859"/>
              <a:gd name="connsiteY28" fmla="*/ 0 h 17998"/>
              <a:gd name="connsiteX29" fmla="*/ 11860 w 11859"/>
              <a:gd name="connsiteY29" fmla="*/ 17765 h 17998"/>
              <a:gd name="connsiteX30" fmla="*/ 9534 w 11859"/>
              <a:gd name="connsiteY30" fmla="*/ 17765 h 17998"/>
              <a:gd name="connsiteX31" fmla="*/ 9534 w 11859"/>
              <a:gd name="connsiteY31" fmla="*/ 16679 h 1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1859" h="17998">
                <a:moveTo>
                  <a:pt x="9457" y="9697"/>
                </a:moveTo>
                <a:cubicBezTo>
                  <a:pt x="9069" y="9232"/>
                  <a:pt x="8604" y="8844"/>
                  <a:pt x="8062" y="8534"/>
                </a:cubicBezTo>
                <a:cubicBezTo>
                  <a:pt x="7519" y="8223"/>
                  <a:pt x="6821" y="8068"/>
                  <a:pt x="6124" y="8068"/>
                </a:cubicBezTo>
                <a:cubicBezTo>
                  <a:pt x="5581" y="8068"/>
                  <a:pt x="5038" y="8146"/>
                  <a:pt x="4573" y="8378"/>
                </a:cubicBezTo>
                <a:cubicBezTo>
                  <a:pt x="4108" y="8611"/>
                  <a:pt x="3721" y="8844"/>
                  <a:pt x="3411" y="9232"/>
                </a:cubicBezTo>
                <a:cubicBezTo>
                  <a:pt x="3100" y="9620"/>
                  <a:pt x="2790" y="10008"/>
                  <a:pt x="2635" y="10473"/>
                </a:cubicBezTo>
                <a:cubicBezTo>
                  <a:pt x="2481" y="10939"/>
                  <a:pt x="2325" y="11404"/>
                  <a:pt x="2325" y="11947"/>
                </a:cubicBezTo>
                <a:cubicBezTo>
                  <a:pt x="2325" y="12490"/>
                  <a:pt x="2403" y="12956"/>
                  <a:pt x="2635" y="13421"/>
                </a:cubicBezTo>
                <a:cubicBezTo>
                  <a:pt x="2868" y="13887"/>
                  <a:pt x="3100" y="14275"/>
                  <a:pt x="3488" y="14662"/>
                </a:cubicBezTo>
                <a:cubicBezTo>
                  <a:pt x="3798" y="15050"/>
                  <a:pt x="4263" y="15283"/>
                  <a:pt x="4728" y="15516"/>
                </a:cubicBezTo>
                <a:cubicBezTo>
                  <a:pt x="5193" y="15749"/>
                  <a:pt x="5736" y="15826"/>
                  <a:pt x="6279" y="15826"/>
                </a:cubicBezTo>
                <a:cubicBezTo>
                  <a:pt x="6899" y="15826"/>
                  <a:pt x="7441" y="15671"/>
                  <a:pt x="8062" y="15361"/>
                </a:cubicBezTo>
                <a:cubicBezTo>
                  <a:pt x="8604" y="15050"/>
                  <a:pt x="9147" y="14662"/>
                  <a:pt x="9534" y="14119"/>
                </a:cubicBezTo>
                <a:lnTo>
                  <a:pt x="9534" y="9697"/>
                </a:lnTo>
                <a:close/>
                <a:moveTo>
                  <a:pt x="9534" y="16679"/>
                </a:moveTo>
                <a:cubicBezTo>
                  <a:pt x="9069" y="17145"/>
                  <a:pt x="8527" y="17455"/>
                  <a:pt x="7907" y="17688"/>
                </a:cubicBezTo>
                <a:cubicBezTo>
                  <a:pt x="7287" y="17921"/>
                  <a:pt x="6666" y="17998"/>
                  <a:pt x="5969" y="17998"/>
                </a:cubicBezTo>
                <a:cubicBezTo>
                  <a:pt x="5426" y="17998"/>
                  <a:pt x="4884" y="17998"/>
                  <a:pt x="4418" y="17765"/>
                </a:cubicBezTo>
                <a:cubicBezTo>
                  <a:pt x="3876" y="17610"/>
                  <a:pt x="3411" y="17455"/>
                  <a:pt x="3023" y="17223"/>
                </a:cubicBezTo>
                <a:cubicBezTo>
                  <a:pt x="2093" y="16679"/>
                  <a:pt x="1395" y="15981"/>
                  <a:pt x="853" y="15050"/>
                </a:cubicBezTo>
                <a:cubicBezTo>
                  <a:pt x="310" y="14119"/>
                  <a:pt x="0" y="13111"/>
                  <a:pt x="0" y="11870"/>
                </a:cubicBezTo>
                <a:cubicBezTo>
                  <a:pt x="0" y="10628"/>
                  <a:pt x="310" y="9620"/>
                  <a:pt x="853" y="8689"/>
                </a:cubicBezTo>
                <a:cubicBezTo>
                  <a:pt x="1395" y="7758"/>
                  <a:pt x="2170" y="7060"/>
                  <a:pt x="3023" y="6517"/>
                </a:cubicBezTo>
                <a:cubicBezTo>
                  <a:pt x="3411" y="6284"/>
                  <a:pt x="3876" y="6129"/>
                  <a:pt x="4341" y="5974"/>
                </a:cubicBezTo>
                <a:cubicBezTo>
                  <a:pt x="4806" y="5818"/>
                  <a:pt x="5349" y="5741"/>
                  <a:pt x="5891" y="5741"/>
                </a:cubicBezTo>
                <a:cubicBezTo>
                  <a:pt x="6511" y="5741"/>
                  <a:pt x="7131" y="5818"/>
                  <a:pt x="7752" y="6051"/>
                </a:cubicBezTo>
                <a:cubicBezTo>
                  <a:pt x="8372" y="6284"/>
                  <a:pt x="8914" y="6594"/>
                  <a:pt x="9457" y="6982"/>
                </a:cubicBezTo>
                <a:lnTo>
                  <a:pt x="9457" y="0"/>
                </a:lnTo>
                <a:lnTo>
                  <a:pt x="11860" y="0"/>
                </a:lnTo>
                <a:lnTo>
                  <a:pt x="11860" y="17765"/>
                </a:lnTo>
                <a:lnTo>
                  <a:pt x="9534" y="17765"/>
                </a:lnTo>
                <a:lnTo>
                  <a:pt x="9534" y="16679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80" name="Kombinationstegning 79">
            <a:extLst>
              <a:ext uri="{FF2B5EF4-FFF2-40B4-BE49-F238E27FC236}">
                <a16:creationId xmlns:a16="http://schemas.microsoft.com/office/drawing/2014/main" id="{0B9DEC7D-00E6-F50F-A771-389718D8AC8E}"/>
              </a:ext>
            </a:extLst>
          </p:cNvPr>
          <p:cNvSpPr/>
          <p:nvPr/>
        </p:nvSpPr>
        <p:spPr>
          <a:xfrm>
            <a:off x="18306927" y="15807311"/>
            <a:ext cx="33938" cy="34949"/>
          </a:xfrm>
          <a:custGeom>
            <a:avLst/>
            <a:gdLst>
              <a:gd name="connsiteX0" fmla="*/ 9457 w 11860"/>
              <a:gd name="connsiteY0" fmla="*/ 3957 h 12257"/>
              <a:gd name="connsiteX1" fmla="*/ 8062 w 11860"/>
              <a:gd name="connsiteY1" fmla="*/ 2793 h 12257"/>
              <a:gd name="connsiteX2" fmla="*/ 6124 w 11860"/>
              <a:gd name="connsiteY2" fmla="*/ 2327 h 12257"/>
              <a:gd name="connsiteX3" fmla="*/ 4574 w 11860"/>
              <a:gd name="connsiteY3" fmla="*/ 2638 h 12257"/>
              <a:gd name="connsiteX4" fmla="*/ 3411 w 11860"/>
              <a:gd name="connsiteY4" fmla="*/ 3491 h 12257"/>
              <a:gd name="connsiteX5" fmla="*/ 2636 w 11860"/>
              <a:gd name="connsiteY5" fmla="*/ 4732 h 12257"/>
              <a:gd name="connsiteX6" fmla="*/ 2325 w 11860"/>
              <a:gd name="connsiteY6" fmla="*/ 6206 h 12257"/>
              <a:gd name="connsiteX7" fmla="*/ 2636 w 11860"/>
              <a:gd name="connsiteY7" fmla="*/ 7680 h 12257"/>
              <a:gd name="connsiteX8" fmla="*/ 3488 w 11860"/>
              <a:gd name="connsiteY8" fmla="*/ 8922 h 12257"/>
              <a:gd name="connsiteX9" fmla="*/ 4728 w 11860"/>
              <a:gd name="connsiteY9" fmla="*/ 9775 h 12257"/>
              <a:gd name="connsiteX10" fmla="*/ 6279 w 11860"/>
              <a:gd name="connsiteY10" fmla="*/ 10085 h 12257"/>
              <a:gd name="connsiteX11" fmla="*/ 8062 w 11860"/>
              <a:gd name="connsiteY11" fmla="*/ 9620 h 12257"/>
              <a:gd name="connsiteX12" fmla="*/ 9534 w 11860"/>
              <a:gd name="connsiteY12" fmla="*/ 8378 h 12257"/>
              <a:gd name="connsiteX13" fmla="*/ 9534 w 11860"/>
              <a:gd name="connsiteY13" fmla="*/ 3957 h 12257"/>
              <a:gd name="connsiteX14" fmla="*/ 9534 w 11860"/>
              <a:gd name="connsiteY14" fmla="*/ 10939 h 12257"/>
              <a:gd name="connsiteX15" fmla="*/ 7907 w 11860"/>
              <a:gd name="connsiteY15" fmla="*/ 11947 h 12257"/>
              <a:gd name="connsiteX16" fmla="*/ 5969 w 11860"/>
              <a:gd name="connsiteY16" fmla="*/ 12257 h 12257"/>
              <a:gd name="connsiteX17" fmla="*/ 4418 w 11860"/>
              <a:gd name="connsiteY17" fmla="*/ 12025 h 12257"/>
              <a:gd name="connsiteX18" fmla="*/ 3023 w 11860"/>
              <a:gd name="connsiteY18" fmla="*/ 11482 h 12257"/>
              <a:gd name="connsiteX19" fmla="*/ 853 w 11860"/>
              <a:gd name="connsiteY19" fmla="*/ 9310 h 12257"/>
              <a:gd name="connsiteX20" fmla="*/ 0 w 11860"/>
              <a:gd name="connsiteY20" fmla="*/ 6129 h 12257"/>
              <a:gd name="connsiteX21" fmla="*/ 853 w 11860"/>
              <a:gd name="connsiteY21" fmla="*/ 2948 h 12257"/>
              <a:gd name="connsiteX22" fmla="*/ 3023 w 11860"/>
              <a:gd name="connsiteY22" fmla="*/ 776 h 12257"/>
              <a:gd name="connsiteX23" fmla="*/ 4341 w 11860"/>
              <a:gd name="connsiteY23" fmla="*/ 233 h 12257"/>
              <a:gd name="connsiteX24" fmla="*/ 5891 w 11860"/>
              <a:gd name="connsiteY24" fmla="*/ 0 h 12257"/>
              <a:gd name="connsiteX25" fmla="*/ 7829 w 11860"/>
              <a:gd name="connsiteY25" fmla="*/ 310 h 12257"/>
              <a:gd name="connsiteX26" fmla="*/ 9534 w 11860"/>
              <a:gd name="connsiteY26" fmla="*/ 1319 h 12257"/>
              <a:gd name="connsiteX27" fmla="*/ 9534 w 11860"/>
              <a:gd name="connsiteY27" fmla="*/ 233 h 12257"/>
              <a:gd name="connsiteX28" fmla="*/ 11860 w 11860"/>
              <a:gd name="connsiteY28" fmla="*/ 233 h 12257"/>
              <a:gd name="connsiteX29" fmla="*/ 11860 w 11860"/>
              <a:gd name="connsiteY29" fmla="*/ 11947 h 12257"/>
              <a:gd name="connsiteX30" fmla="*/ 9534 w 11860"/>
              <a:gd name="connsiteY30" fmla="*/ 11947 h 12257"/>
              <a:gd name="connsiteX31" fmla="*/ 9534 w 11860"/>
              <a:gd name="connsiteY31" fmla="*/ 10861 h 1225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1860" h="12257">
                <a:moveTo>
                  <a:pt x="9457" y="3957"/>
                </a:moveTo>
                <a:cubicBezTo>
                  <a:pt x="9069" y="3491"/>
                  <a:pt x="8604" y="3103"/>
                  <a:pt x="8062" y="2793"/>
                </a:cubicBezTo>
                <a:cubicBezTo>
                  <a:pt x="7519" y="2483"/>
                  <a:pt x="6821" y="2327"/>
                  <a:pt x="6124" y="2327"/>
                </a:cubicBezTo>
                <a:cubicBezTo>
                  <a:pt x="5581" y="2327"/>
                  <a:pt x="5039" y="2405"/>
                  <a:pt x="4574" y="2638"/>
                </a:cubicBezTo>
                <a:cubicBezTo>
                  <a:pt x="4109" y="2870"/>
                  <a:pt x="3721" y="3103"/>
                  <a:pt x="3411" y="3491"/>
                </a:cubicBezTo>
                <a:cubicBezTo>
                  <a:pt x="3101" y="3879"/>
                  <a:pt x="2790" y="4267"/>
                  <a:pt x="2636" y="4732"/>
                </a:cubicBezTo>
                <a:cubicBezTo>
                  <a:pt x="2481" y="5198"/>
                  <a:pt x="2325" y="5663"/>
                  <a:pt x="2325" y="6206"/>
                </a:cubicBezTo>
                <a:cubicBezTo>
                  <a:pt x="2325" y="6749"/>
                  <a:pt x="2403" y="7215"/>
                  <a:pt x="2636" y="7680"/>
                </a:cubicBezTo>
                <a:cubicBezTo>
                  <a:pt x="2868" y="8146"/>
                  <a:pt x="3101" y="8534"/>
                  <a:pt x="3488" y="8922"/>
                </a:cubicBezTo>
                <a:cubicBezTo>
                  <a:pt x="3798" y="9310"/>
                  <a:pt x="4263" y="9542"/>
                  <a:pt x="4728" y="9775"/>
                </a:cubicBezTo>
                <a:cubicBezTo>
                  <a:pt x="5193" y="10008"/>
                  <a:pt x="5736" y="10085"/>
                  <a:pt x="6279" y="10085"/>
                </a:cubicBezTo>
                <a:cubicBezTo>
                  <a:pt x="6899" y="10085"/>
                  <a:pt x="7442" y="9930"/>
                  <a:pt x="8062" y="9620"/>
                </a:cubicBezTo>
                <a:cubicBezTo>
                  <a:pt x="8604" y="9310"/>
                  <a:pt x="9147" y="8922"/>
                  <a:pt x="9534" y="8378"/>
                </a:cubicBezTo>
                <a:lnTo>
                  <a:pt x="9534" y="3957"/>
                </a:lnTo>
                <a:close/>
                <a:moveTo>
                  <a:pt x="9534" y="10939"/>
                </a:moveTo>
                <a:cubicBezTo>
                  <a:pt x="9069" y="11404"/>
                  <a:pt x="8527" y="11715"/>
                  <a:pt x="7907" y="11947"/>
                </a:cubicBezTo>
                <a:cubicBezTo>
                  <a:pt x="7287" y="12180"/>
                  <a:pt x="6666" y="12257"/>
                  <a:pt x="5969" y="12257"/>
                </a:cubicBezTo>
                <a:cubicBezTo>
                  <a:pt x="5426" y="12257"/>
                  <a:pt x="4884" y="12257"/>
                  <a:pt x="4418" y="12025"/>
                </a:cubicBezTo>
                <a:cubicBezTo>
                  <a:pt x="3876" y="11870"/>
                  <a:pt x="3411" y="11715"/>
                  <a:pt x="3023" y="11482"/>
                </a:cubicBezTo>
                <a:cubicBezTo>
                  <a:pt x="2093" y="10939"/>
                  <a:pt x="1395" y="10241"/>
                  <a:pt x="853" y="9310"/>
                </a:cubicBezTo>
                <a:cubicBezTo>
                  <a:pt x="310" y="8378"/>
                  <a:pt x="0" y="7370"/>
                  <a:pt x="0" y="6129"/>
                </a:cubicBezTo>
                <a:cubicBezTo>
                  <a:pt x="0" y="4888"/>
                  <a:pt x="310" y="3879"/>
                  <a:pt x="853" y="2948"/>
                </a:cubicBezTo>
                <a:cubicBezTo>
                  <a:pt x="1395" y="2017"/>
                  <a:pt x="2171" y="1319"/>
                  <a:pt x="3023" y="776"/>
                </a:cubicBezTo>
                <a:cubicBezTo>
                  <a:pt x="3411" y="543"/>
                  <a:pt x="3876" y="388"/>
                  <a:pt x="4341" y="233"/>
                </a:cubicBezTo>
                <a:cubicBezTo>
                  <a:pt x="4806" y="78"/>
                  <a:pt x="5349" y="0"/>
                  <a:pt x="5891" y="0"/>
                </a:cubicBezTo>
                <a:cubicBezTo>
                  <a:pt x="6589" y="0"/>
                  <a:pt x="7209" y="78"/>
                  <a:pt x="7829" y="310"/>
                </a:cubicBezTo>
                <a:cubicBezTo>
                  <a:pt x="8449" y="543"/>
                  <a:pt x="9069" y="853"/>
                  <a:pt x="9534" y="1319"/>
                </a:cubicBezTo>
                <a:lnTo>
                  <a:pt x="9534" y="233"/>
                </a:lnTo>
                <a:lnTo>
                  <a:pt x="11860" y="233"/>
                </a:lnTo>
                <a:lnTo>
                  <a:pt x="11860" y="11947"/>
                </a:lnTo>
                <a:lnTo>
                  <a:pt x="9534" y="11947"/>
                </a:lnTo>
                <a:lnTo>
                  <a:pt x="9534" y="10861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81" name="Kombinationstegning 80">
            <a:extLst>
              <a:ext uri="{FF2B5EF4-FFF2-40B4-BE49-F238E27FC236}">
                <a16:creationId xmlns:a16="http://schemas.microsoft.com/office/drawing/2014/main" id="{5370A06F-989E-24EF-7837-05C3025901FA}"/>
              </a:ext>
            </a:extLst>
          </p:cNvPr>
          <p:cNvSpPr/>
          <p:nvPr/>
        </p:nvSpPr>
        <p:spPr>
          <a:xfrm>
            <a:off x="18356172" y="15807311"/>
            <a:ext cx="32605" cy="34285"/>
          </a:xfrm>
          <a:custGeom>
            <a:avLst/>
            <a:gdLst>
              <a:gd name="connsiteX0" fmla="*/ 2403 w 11394"/>
              <a:gd name="connsiteY0" fmla="*/ 1396 h 12024"/>
              <a:gd name="connsiteX1" fmla="*/ 3798 w 11394"/>
              <a:gd name="connsiteY1" fmla="*/ 465 h 12024"/>
              <a:gd name="connsiteX2" fmla="*/ 5968 w 11394"/>
              <a:gd name="connsiteY2" fmla="*/ 0 h 12024"/>
              <a:gd name="connsiteX3" fmla="*/ 8371 w 11394"/>
              <a:gd name="connsiteY3" fmla="*/ 543 h 12024"/>
              <a:gd name="connsiteX4" fmla="*/ 10232 w 11394"/>
              <a:gd name="connsiteY4" fmla="*/ 2095 h 12024"/>
              <a:gd name="connsiteX5" fmla="*/ 11085 w 11394"/>
              <a:gd name="connsiteY5" fmla="*/ 3801 h 12024"/>
              <a:gd name="connsiteX6" fmla="*/ 11395 w 11394"/>
              <a:gd name="connsiteY6" fmla="*/ 6284 h 12024"/>
              <a:gd name="connsiteX7" fmla="*/ 11395 w 11394"/>
              <a:gd name="connsiteY7" fmla="*/ 12025 h 12024"/>
              <a:gd name="connsiteX8" fmla="*/ 8992 w 11394"/>
              <a:gd name="connsiteY8" fmla="*/ 12025 h 12024"/>
              <a:gd name="connsiteX9" fmla="*/ 8992 w 11394"/>
              <a:gd name="connsiteY9" fmla="*/ 6129 h 12024"/>
              <a:gd name="connsiteX10" fmla="*/ 8836 w 11394"/>
              <a:gd name="connsiteY10" fmla="*/ 4422 h 12024"/>
              <a:gd name="connsiteX11" fmla="*/ 8294 w 11394"/>
              <a:gd name="connsiteY11" fmla="*/ 3414 h 12024"/>
              <a:gd name="connsiteX12" fmla="*/ 7209 w 11394"/>
              <a:gd name="connsiteY12" fmla="*/ 2560 h 12024"/>
              <a:gd name="connsiteX13" fmla="*/ 5814 w 11394"/>
              <a:gd name="connsiteY13" fmla="*/ 2250 h 12024"/>
              <a:gd name="connsiteX14" fmla="*/ 3798 w 11394"/>
              <a:gd name="connsiteY14" fmla="*/ 2793 h 12024"/>
              <a:gd name="connsiteX15" fmla="*/ 2403 w 11394"/>
              <a:gd name="connsiteY15" fmla="*/ 3957 h 12024"/>
              <a:gd name="connsiteX16" fmla="*/ 2403 w 11394"/>
              <a:gd name="connsiteY16" fmla="*/ 12025 h 12024"/>
              <a:gd name="connsiteX17" fmla="*/ 0 w 11394"/>
              <a:gd name="connsiteY17" fmla="*/ 12025 h 12024"/>
              <a:gd name="connsiteX18" fmla="*/ 0 w 11394"/>
              <a:gd name="connsiteY18" fmla="*/ 233 h 12024"/>
              <a:gd name="connsiteX19" fmla="*/ 2325 w 11394"/>
              <a:gd name="connsiteY19" fmla="*/ 233 h 12024"/>
              <a:gd name="connsiteX20" fmla="*/ 2325 w 11394"/>
              <a:gd name="connsiteY20" fmla="*/ 1319 h 12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1394" h="12024">
                <a:moveTo>
                  <a:pt x="2403" y="1396"/>
                </a:moveTo>
                <a:cubicBezTo>
                  <a:pt x="2403" y="1396"/>
                  <a:pt x="3178" y="776"/>
                  <a:pt x="3798" y="465"/>
                </a:cubicBezTo>
                <a:cubicBezTo>
                  <a:pt x="4418" y="155"/>
                  <a:pt x="5116" y="0"/>
                  <a:pt x="5968" y="0"/>
                </a:cubicBezTo>
                <a:cubicBezTo>
                  <a:pt x="6821" y="0"/>
                  <a:pt x="7674" y="155"/>
                  <a:pt x="8371" y="543"/>
                </a:cubicBezTo>
                <a:cubicBezTo>
                  <a:pt x="9147" y="931"/>
                  <a:pt x="9767" y="1396"/>
                  <a:pt x="10232" y="2095"/>
                </a:cubicBezTo>
                <a:cubicBezTo>
                  <a:pt x="10620" y="2560"/>
                  <a:pt x="10930" y="3103"/>
                  <a:pt x="11085" y="3801"/>
                </a:cubicBezTo>
                <a:cubicBezTo>
                  <a:pt x="11239" y="4422"/>
                  <a:pt x="11395" y="5275"/>
                  <a:pt x="11395" y="6284"/>
                </a:cubicBezTo>
                <a:lnTo>
                  <a:pt x="11395" y="12025"/>
                </a:lnTo>
                <a:lnTo>
                  <a:pt x="8992" y="12025"/>
                </a:lnTo>
                <a:lnTo>
                  <a:pt x="8992" y="6129"/>
                </a:lnTo>
                <a:cubicBezTo>
                  <a:pt x="8992" y="5353"/>
                  <a:pt x="8992" y="4810"/>
                  <a:pt x="8836" y="4422"/>
                </a:cubicBezTo>
                <a:cubicBezTo>
                  <a:pt x="8682" y="4034"/>
                  <a:pt x="8527" y="3646"/>
                  <a:pt x="8294" y="3414"/>
                </a:cubicBezTo>
                <a:cubicBezTo>
                  <a:pt x="7984" y="3025"/>
                  <a:pt x="7674" y="2793"/>
                  <a:pt x="7209" y="2560"/>
                </a:cubicBezTo>
                <a:cubicBezTo>
                  <a:pt x="6821" y="2327"/>
                  <a:pt x="6356" y="2250"/>
                  <a:pt x="5814" y="2250"/>
                </a:cubicBezTo>
                <a:cubicBezTo>
                  <a:pt x="5038" y="2250"/>
                  <a:pt x="4341" y="2405"/>
                  <a:pt x="3798" y="2793"/>
                </a:cubicBezTo>
                <a:cubicBezTo>
                  <a:pt x="3256" y="3103"/>
                  <a:pt x="2790" y="3491"/>
                  <a:pt x="2403" y="3957"/>
                </a:cubicBezTo>
                <a:lnTo>
                  <a:pt x="2403" y="12025"/>
                </a:lnTo>
                <a:lnTo>
                  <a:pt x="0" y="12025"/>
                </a:lnTo>
                <a:lnTo>
                  <a:pt x="0" y="233"/>
                </a:lnTo>
                <a:lnTo>
                  <a:pt x="2325" y="233"/>
                </a:lnTo>
                <a:lnTo>
                  <a:pt x="2325" y="1319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82" name="Kombinationstegning 81">
            <a:extLst>
              <a:ext uri="{FF2B5EF4-FFF2-40B4-BE49-F238E27FC236}">
                <a16:creationId xmlns:a16="http://schemas.microsoft.com/office/drawing/2014/main" id="{038F28F6-5E3B-6A63-6F3F-798E729B074A}"/>
              </a:ext>
            </a:extLst>
          </p:cNvPr>
          <p:cNvSpPr/>
          <p:nvPr/>
        </p:nvSpPr>
        <p:spPr>
          <a:xfrm>
            <a:off x="18400755" y="15807530"/>
            <a:ext cx="25952" cy="35172"/>
          </a:xfrm>
          <a:custGeom>
            <a:avLst/>
            <a:gdLst>
              <a:gd name="connsiteX0" fmla="*/ 1163 w 9069"/>
              <a:gd name="connsiteY0" fmla="*/ 8844 h 12335"/>
              <a:gd name="connsiteX1" fmla="*/ 4651 w 9069"/>
              <a:gd name="connsiteY1" fmla="*/ 10163 h 12335"/>
              <a:gd name="connsiteX2" fmla="*/ 6046 w 9069"/>
              <a:gd name="connsiteY2" fmla="*/ 9775 h 12335"/>
              <a:gd name="connsiteX3" fmla="*/ 6667 w 9069"/>
              <a:gd name="connsiteY3" fmla="*/ 8689 h 12335"/>
              <a:gd name="connsiteX4" fmla="*/ 6356 w 9069"/>
              <a:gd name="connsiteY4" fmla="*/ 7913 h 12335"/>
              <a:gd name="connsiteX5" fmla="*/ 5504 w 9069"/>
              <a:gd name="connsiteY5" fmla="*/ 7448 h 12335"/>
              <a:gd name="connsiteX6" fmla="*/ 4341 w 9069"/>
              <a:gd name="connsiteY6" fmla="*/ 7137 h 12335"/>
              <a:gd name="connsiteX7" fmla="*/ 3023 w 9069"/>
              <a:gd name="connsiteY7" fmla="*/ 6749 h 12335"/>
              <a:gd name="connsiteX8" fmla="*/ 2015 w 9069"/>
              <a:gd name="connsiteY8" fmla="*/ 6284 h 12335"/>
              <a:gd name="connsiteX9" fmla="*/ 1163 w 9069"/>
              <a:gd name="connsiteY9" fmla="*/ 5663 h 12335"/>
              <a:gd name="connsiteX10" fmla="*/ 543 w 9069"/>
              <a:gd name="connsiteY10" fmla="*/ 4810 h 12335"/>
              <a:gd name="connsiteX11" fmla="*/ 310 w 9069"/>
              <a:gd name="connsiteY11" fmla="*/ 3724 h 12335"/>
              <a:gd name="connsiteX12" fmla="*/ 698 w 9069"/>
              <a:gd name="connsiteY12" fmla="*/ 2095 h 12335"/>
              <a:gd name="connsiteX13" fmla="*/ 1706 w 9069"/>
              <a:gd name="connsiteY13" fmla="*/ 931 h 12335"/>
              <a:gd name="connsiteX14" fmla="*/ 3101 w 9069"/>
              <a:gd name="connsiteY14" fmla="*/ 233 h 12335"/>
              <a:gd name="connsiteX15" fmla="*/ 4651 w 9069"/>
              <a:gd name="connsiteY15" fmla="*/ 0 h 12335"/>
              <a:gd name="connsiteX16" fmla="*/ 6899 w 9069"/>
              <a:gd name="connsiteY16" fmla="*/ 388 h 12335"/>
              <a:gd name="connsiteX17" fmla="*/ 8527 w 9069"/>
              <a:gd name="connsiteY17" fmla="*/ 1319 h 12335"/>
              <a:gd name="connsiteX18" fmla="*/ 7287 w 9069"/>
              <a:gd name="connsiteY18" fmla="*/ 3025 h 12335"/>
              <a:gd name="connsiteX19" fmla="*/ 6124 w 9069"/>
              <a:gd name="connsiteY19" fmla="*/ 2327 h 12335"/>
              <a:gd name="connsiteX20" fmla="*/ 4806 w 9069"/>
              <a:gd name="connsiteY20" fmla="*/ 2095 h 12335"/>
              <a:gd name="connsiteX21" fmla="*/ 3334 w 9069"/>
              <a:gd name="connsiteY21" fmla="*/ 2482 h 12335"/>
              <a:gd name="connsiteX22" fmla="*/ 2713 w 9069"/>
              <a:gd name="connsiteY22" fmla="*/ 3569 h 12335"/>
              <a:gd name="connsiteX23" fmla="*/ 3334 w 9069"/>
              <a:gd name="connsiteY23" fmla="*/ 4422 h 12335"/>
              <a:gd name="connsiteX24" fmla="*/ 4806 w 9069"/>
              <a:gd name="connsiteY24" fmla="*/ 4965 h 12335"/>
              <a:gd name="connsiteX25" fmla="*/ 6279 w 9069"/>
              <a:gd name="connsiteY25" fmla="*/ 5430 h 12335"/>
              <a:gd name="connsiteX26" fmla="*/ 7675 w 9069"/>
              <a:gd name="connsiteY26" fmla="*/ 6129 h 12335"/>
              <a:gd name="connsiteX27" fmla="*/ 8682 w 9069"/>
              <a:gd name="connsiteY27" fmla="*/ 7215 h 12335"/>
              <a:gd name="connsiteX28" fmla="*/ 9070 w 9069"/>
              <a:gd name="connsiteY28" fmla="*/ 8766 h 12335"/>
              <a:gd name="connsiteX29" fmla="*/ 8682 w 9069"/>
              <a:gd name="connsiteY29" fmla="*/ 10240 h 12335"/>
              <a:gd name="connsiteX30" fmla="*/ 7752 w 9069"/>
              <a:gd name="connsiteY30" fmla="*/ 11404 h 12335"/>
              <a:gd name="connsiteX31" fmla="*/ 6356 w 9069"/>
              <a:gd name="connsiteY31" fmla="*/ 12102 h 12335"/>
              <a:gd name="connsiteX32" fmla="*/ 4729 w 9069"/>
              <a:gd name="connsiteY32" fmla="*/ 12335 h 12335"/>
              <a:gd name="connsiteX33" fmla="*/ 0 w 9069"/>
              <a:gd name="connsiteY33" fmla="*/ 10706 h 12335"/>
              <a:gd name="connsiteX34" fmla="*/ 1241 w 9069"/>
              <a:gd name="connsiteY34" fmla="*/ 8922 h 1233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</a:cxnLst>
            <a:rect l="l" t="t" r="r" b="b"/>
            <a:pathLst>
              <a:path w="9069" h="12335">
                <a:moveTo>
                  <a:pt x="1163" y="8844"/>
                </a:moveTo>
                <a:cubicBezTo>
                  <a:pt x="2248" y="9697"/>
                  <a:pt x="3411" y="10163"/>
                  <a:pt x="4651" y="10163"/>
                </a:cubicBezTo>
                <a:cubicBezTo>
                  <a:pt x="5194" y="10163"/>
                  <a:pt x="5659" y="10008"/>
                  <a:pt x="6046" y="9775"/>
                </a:cubicBezTo>
                <a:cubicBezTo>
                  <a:pt x="6512" y="9542"/>
                  <a:pt x="6667" y="9154"/>
                  <a:pt x="6667" y="8689"/>
                </a:cubicBezTo>
                <a:cubicBezTo>
                  <a:pt x="6667" y="8378"/>
                  <a:pt x="6589" y="8068"/>
                  <a:pt x="6356" y="7913"/>
                </a:cubicBezTo>
                <a:cubicBezTo>
                  <a:pt x="6124" y="7758"/>
                  <a:pt x="5814" y="7525"/>
                  <a:pt x="5504" y="7448"/>
                </a:cubicBezTo>
                <a:cubicBezTo>
                  <a:pt x="5116" y="7292"/>
                  <a:pt x="4729" y="7215"/>
                  <a:pt x="4341" y="7137"/>
                </a:cubicBezTo>
                <a:cubicBezTo>
                  <a:pt x="3876" y="7060"/>
                  <a:pt x="3488" y="6904"/>
                  <a:pt x="3023" y="6749"/>
                </a:cubicBezTo>
                <a:cubicBezTo>
                  <a:pt x="2713" y="6672"/>
                  <a:pt x="2326" y="6517"/>
                  <a:pt x="2015" y="6284"/>
                </a:cubicBezTo>
                <a:cubicBezTo>
                  <a:pt x="1706" y="6129"/>
                  <a:pt x="1396" y="5896"/>
                  <a:pt x="1163" y="5663"/>
                </a:cubicBezTo>
                <a:cubicBezTo>
                  <a:pt x="930" y="5430"/>
                  <a:pt x="698" y="5120"/>
                  <a:pt x="543" y="4810"/>
                </a:cubicBezTo>
                <a:cubicBezTo>
                  <a:pt x="388" y="4499"/>
                  <a:pt x="310" y="4112"/>
                  <a:pt x="310" y="3724"/>
                </a:cubicBezTo>
                <a:cubicBezTo>
                  <a:pt x="310" y="3103"/>
                  <a:pt x="465" y="2560"/>
                  <a:pt x="698" y="2095"/>
                </a:cubicBezTo>
                <a:cubicBezTo>
                  <a:pt x="930" y="1629"/>
                  <a:pt x="1318" y="1241"/>
                  <a:pt x="1706" y="931"/>
                </a:cubicBezTo>
                <a:cubicBezTo>
                  <a:pt x="2093" y="621"/>
                  <a:pt x="2558" y="388"/>
                  <a:pt x="3101" y="233"/>
                </a:cubicBezTo>
                <a:cubicBezTo>
                  <a:pt x="3644" y="77"/>
                  <a:pt x="4109" y="0"/>
                  <a:pt x="4651" y="0"/>
                </a:cubicBezTo>
                <a:cubicBezTo>
                  <a:pt x="5504" y="0"/>
                  <a:pt x="6279" y="155"/>
                  <a:pt x="6899" y="388"/>
                </a:cubicBezTo>
                <a:cubicBezTo>
                  <a:pt x="7519" y="621"/>
                  <a:pt x="8062" y="931"/>
                  <a:pt x="8527" y="1319"/>
                </a:cubicBezTo>
                <a:lnTo>
                  <a:pt x="7287" y="3025"/>
                </a:lnTo>
                <a:cubicBezTo>
                  <a:pt x="7287" y="3025"/>
                  <a:pt x="6512" y="2482"/>
                  <a:pt x="6124" y="2327"/>
                </a:cubicBezTo>
                <a:cubicBezTo>
                  <a:pt x="5737" y="2172"/>
                  <a:pt x="5272" y="2095"/>
                  <a:pt x="4806" y="2095"/>
                </a:cubicBezTo>
                <a:cubicBezTo>
                  <a:pt x="4186" y="2095"/>
                  <a:pt x="3721" y="2250"/>
                  <a:pt x="3334" y="2482"/>
                </a:cubicBezTo>
                <a:cubicBezTo>
                  <a:pt x="2946" y="2715"/>
                  <a:pt x="2713" y="3103"/>
                  <a:pt x="2713" y="3569"/>
                </a:cubicBezTo>
                <a:cubicBezTo>
                  <a:pt x="2713" y="3956"/>
                  <a:pt x="2946" y="4267"/>
                  <a:pt x="3334" y="4422"/>
                </a:cubicBezTo>
                <a:cubicBezTo>
                  <a:pt x="3721" y="4577"/>
                  <a:pt x="4264" y="4732"/>
                  <a:pt x="4806" y="4965"/>
                </a:cubicBezTo>
                <a:cubicBezTo>
                  <a:pt x="5272" y="5043"/>
                  <a:pt x="5737" y="5198"/>
                  <a:pt x="6279" y="5430"/>
                </a:cubicBezTo>
                <a:cubicBezTo>
                  <a:pt x="6821" y="5586"/>
                  <a:pt x="7209" y="5818"/>
                  <a:pt x="7675" y="6129"/>
                </a:cubicBezTo>
                <a:cubicBezTo>
                  <a:pt x="8062" y="6439"/>
                  <a:pt x="8449" y="6749"/>
                  <a:pt x="8682" y="7215"/>
                </a:cubicBezTo>
                <a:cubicBezTo>
                  <a:pt x="8992" y="7603"/>
                  <a:pt x="9070" y="8146"/>
                  <a:pt x="9070" y="8766"/>
                </a:cubicBezTo>
                <a:cubicBezTo>
                  <a:pt x="9070" y="9309"/>
                  <a:pt x="8992" y="9852"/>
                  <a:pt x="8682" y="10240"/>
                </a:cubicBezTo>
                <a:cubicBezTo>
                  <a:pt x="8449" y="10706"/>
                  <a:pt x="8140" y="11094"/>
                  <a:pt x="7752" y="11404"/>
                </a:cubicBezTo>
                <a:cubicBezTo>
                  <a:pt x="7364" y="11714"/>
                  <a:pt x="6899" y="11947"/>
                  <a:pt x="6356" y="12102"/>
                </a:cubicBezTo>
                <a:cubicBezTo>
                  <a:pt x="5814" y="12257"/>
                  <a:pt x="5272" y="12335"/>
                  <a:pt x="4729" y="12335"/>
                </a:cubicBezTo>
                <a:cubicBezTo>
                  <a:pt x="2868" y="12335"/>
                  <a:pt x="1318" y="11792"/>
                  <a:pt x="0" y="10706"/>
                </a:cubicBezTo>
                <a:lnTo>
                  <a:pt x="1241" y="8922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83" name="Kombinationstegning 82">
            <a:extLst>
              <a:ext uri="{FF2B5EF4-FFF2-40B4-BE49-F238E27FC236}">
                <a16:creationId xmlns:a16="http://schemas.microsoft.com/office/drawing/2014/main" id="{386CB3A9-5807-7326-08C3-35E263D664F1}"/>
              </a:ext>
            </a:extLst>
          </p:cNvPr>
          <p:cNvSpPr/>
          <p:nvPr/>
        </p:nvSpPr>
        <p:spPr>
          <a:xfrm>
            <a:off x="18439795" y="15790941"/>
            <a:ext cx="32608" cy="50655"/>
          </a:xfrm>
          <a:custGeom>
            <a:avLst/>
            <a:gdLst>
              <a:gd name="connsiteX0" fmla="*/ 11395 w 11395"/>
              <a:gd name="connsiteY0" fmla="*/ 17765 h 17765"/>
              <a:gd name="connsiteX1" fmla="*/ 8217 w 11395"/>
              <a:gd name="connsiteY1" fmla="*/ 17765 h 17765"/>
              <a:gd name="connsiteX2" fmla="*/ 2403 w 11395"/>
              <a:gd name="connsiteY2" fmla="*/ 12025 h 17765"/>
              <a:gd name="connsiteX3" fmla="*/ 2403 w 11395"/>
              <a:gd name="connsiteY3" fmla="*/ 17765 h 17765"/>
              <a:gd name="connsiteX4" fmla="*/ 0 w 11395"/>
              <a:gd name="connsiteY4" fmla="*/ 17765 h 17765"/>
              <a:gd name="connsiteX5" fmla="*/ 0 w 11395"/>
              <a:gd name="connsiteY5" fmla="*/ 0 h 17765"/>
              <a:gd name="connsiteX6" fmla="*/ 2403 w 11395"/>
              <a:gd name="connsiteY6" fmla="*/ 0 h 17765"/>
              <a:gd name="connsiteX7" fmla="*/ 2403 w 11395"/>
              <a:gd name="connsiteY7" fmla="*/ 10551 h 17765"/>
              <a:gd name="connsiteX8" fmla="*/ 7287 w 11395"/>
              <a:gd name="connsiteY8" fmla="*/ 6051 h 17765"/>
              <a:gd name="connsiteX9" fmla="*/ 10620 w 11395"/>
              <a:gd name="connsiteY9" fmla="*/ 6051 h 17765"/>
              <a:gd name="connsiteX10" fmla="*/ 4728 w 11395"/>
              <a:gd name="connsiteY10" fmla="*/ 11326 h 17765"/>
              <a:gd name="connsiteX11" fmla="*/ 11395 w 11395"/>
              <a:gd name="connsiteY11" fmla="*/ 17765 h 1776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1395" h="17765">
                <a:moveTo>
                  <a:pt x="11395" y="17765"/>
                </a:moveTo>
                <a:lnTo>
                  <a:pt x="8217" y="17765"/>
                </a:lnTo>
                <a:lnTo>
                  <a:pt x="2403" y="12025"/>
                </a:lnTo>
                <a:lnTo>
                  <a:pt x="2403" y="17765"/>
                </a:lnTo>
                <a:lnTo>
                  <a:pt x="0" y="17765"/>
                </a:lnTo>
                <a:lnTo>
                  <a:pt x="0" y="0"/>
                </a:lnTo>
                <a:lnTo>
                  <a:pt x="2403" y="0"/>
                </a:lnTo>
                <a:lnTo>
                  <a:pt x="2403" y="10551"/>
                </a:lnTo>
                <a:lnTo>
                  <a:pt x="7287" y="6051"/>
                </a:lnTo>
                <a:lnTo>
                  <a:pt x="10620" y="6051"/>
                </a:lnTo>
                <a:lnTo>
                  <a:pt x="4728" y="11326"/>
                </a:lnTo>
                <a:lnTo>
                  <a:pt x="11395" y="17765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85" name="Kombinationstegning 84">
            <a:extLst>
              <a:ext uri="{FF2B5EF4-FFF2-40B4-BE49-F238E27FC236}">
                <a16:creationId xmlns:a16="http://schemas.microsoft.com/office/drawing/2014/main" id="{724CDE20-5ADE-B9DF-3ABD-C5C24ACD9DE2}"/>
              </a:ext>
            </a:extLst>
          </p:cNvPr>
          <p:cNvSpPr/>
          <p:nvPr/>
        </p:nvSpPr>
        <p:spPr>
          <a:xfrm>
            <a:off x="18504567" y="15791605"/>
            <a:ext cx="41255" cy="50655"/>
          </a:xfrm>
          <a:custGeom>
            <a:avLst/>
            <a:gdLst>
              <a:gd name="connsiteX0" fmla="*/ 7209 w 14417"/>
              <a:gd name="connsiteY0" fmla="*/ 17765 h 17765"/>
              <a:gd name="connsiteX1" fmla="*/ 4186 w 14417"/>
              <a:gd name="connsiteY1" fmla="*/ 17145 h 17765"/>
              <a:gd name="connsiteX2" fmla="*/ 1783 w 14417"/>
              <a:gd name="connsiteY2" fmla="*/ 15438 h 17765"/>
              <a:gd name="connsiteX3" fmla="*/ 465 w 14417"/>
              <a:gd name="connsiteY3" fmla="*/ 13266 h 17765"/>
              <a:gd name="connsiteX4" fmla="*/ 0 w 14417"/>
              <a:gd name="connsiteY4" fmla="*/ 10240 h 17765"/>
              <a:gd name="connsiteX5" fmla="*/ 0 w 14417"/>
              <a:gd name="connsiteY5" fmla="*/ 0 h 17765"/>
              <a:gd name="connsiteX6" fmla="*/ 2480 w 14417"/>
              <a:gd name="connsiteY6" fmla="*/ 0 h 17765"/>
              <a:gd name="connsiteX7" fmla="*/ 2480 w 14417"/>
              <a:gd name="connsiteY7" fmla="*/ 10396 h 17765"/>
              <a:gd name="connsiteX8" fmla="*/ 2790 w 14417"/>
              <a:gd name="connsiteY8" fmla="*/ 12490 h 17765"/>
              <a:gd name="connsiteX9" fmla="*/ 3565 w 14417"/>
              <a:gd name="connsiteY9" fmla="*/ 13887 h 17765"/>
              <a:gd name="connsiteX10" fmla="*/ 5116 w 14417"/>
              <a:gd name="connsiteY10" fmla="*/ 15050 h 17765"/>
              <a:gd name="connsiteX11" fmla="*/ 7209 w 14417"/>
              <a:gd name="connsiteY11" fmla="*/ 15438 h 17765"/>
              <a:gd name="connsiteX12" fmla="*/ 9302 w 14417"/>
              <a:gd name="connsiteY12" fmla="*/ 15050 h 17765"/>
              <a:gd name="connsiteX13" fmla="*/ 10852 w 14417"/>
              <a:gd name="connsiteY13" fmla="*/ 13887 h 17765"/>
              <a:gd name="connsiteX14" fmla="*/ 11627 w 14417"/>
              <a:gd name="connsiteY14" fmla="*/ 12490 h 17765"/>
              <a:gd name="connsiteX15" fmla="*/ 11937 w 14417"/>
              <a:gd name="connsiteY15" fmla="*/ 10396 h 17765"/>
              <a:gd name="connsiteX16" fmla="*/ 11937 w 14417"/>
              <a:gd name="connsiteY16" fmla="*/ 0 h 17765"/>
              <a:gd name="connsiteX17" fmla="*/ 14418 w 14417"/>
              <a:gd name="connsiteY17" fmla="*/ 0 h 17765"/>
              <a:gd name="connsiteX18" fmla="*/ 14418 w 14417"/>
              <a:gd name="connsiteY18" fmla="*/ 10240 h 17765"/>
              <a:gd name="connsiteX19" fmla="*/ 13953 w 14417"/>
              <a:gd name="connsiteY19" fmla="*/ 13266 h 17765"/>
              <a:gd name="connsiteX20" fmla="*/ 12635 w 14417"/>
              <a:gd name="connsiteY20" fmla="*/ 15438 h 17765"/>
              <a:gd name="connsiteX21" fmla="*/ 10232 w 14417"/>
              <a:gd name="connsiteY21" fmla="*/ 17145 h 17765"/>
              <a:gd name="connsiteX22" fmla="*/ 7209 w 14417"/>
              <a:gd name="connsiteY22" fmla="*/ 17765 h 1776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14417" h="17765">
                <a:moveTo>
                  <a:pt x="7209" y="17765"/>
                </a:moveTo>
                <a:cubicBezTo>
                  <a:pt x="6124" y="17765"/>
                  <a:pt x="5116" y="17533"/>
                  <a:pt x="4186" y="17145"/>
                </a:cubicBezTo>
                <a:cubicBezTo>
                  <a:pt x="3256" y="16757"/>
                  <a:pt x="2480" y="16214"/>
                  <a:pt x="1783" y="15438"/>
                </a:cubicBezTo>
                <a:cubicBezTo>
                  <a:pt x="1240" y="14818"/>
                  <a:pt x="775" y="14119"/>
                  <a:pt x="465" y="13266"/>
                </a:cubicBezTo>
                <a:cubicBezTo>
                  <a:pt x="155" y="12412"/>
                  <a:pt x="0" y="11404"/>
                  <a:pt x="0" y="10240"/>
                </a:cubicBezTo>
                <a:lnTo>
                  <a:pt x="0" y="0"/>
                </a:lnTo>
                <a:lnTo>
                  <a:pt x="2480" y="0"/>
                </a:lnTo>
                <a:lnTo>
                  <a:pt x="2480" y="10396"/>
                </a:lnTo>
                <a:cubicBezTo>
                  <a:pt x="2480" y="11249"/>
                  <a:pt x="2558" y="11947"/>
                  <a:pt x="2790" y="12490"/>
                </a:cubicBezTo>
                <a:cubicBezTo>
                  <a:pt x="2945" y="13033"/>
                  <a:pt x="3256" y="13499"/>
                  <a:pt x="3565" y="13887"/>
                </a:cubicBezTo>
                <a:cubicBezTo>
                  <a:pt x="3953" y="14352"/>
                  <a:pt x="4496" y="14740"/>
                  <a:pt x="5116" y="15050"/>
                </a:cubicBezTo>
                <a:cubicBezTo>
                  <a:pt x="5736" y="15361"/>
                  <a:pt x="6434" y="15438"/>
                  <a:pt x="7209" y="15438"/>
                </a:cubicBezTo>
                <a:cubicBezTo>
                  <a:pt x="7984" y="15438"/>
                  <a:pt x="8604" y="15283"/>
                  <a:pt x="9302" y="15050"/>
                </a:cubicBezTo>
                <a:cubicBezTo>
                  <a:pt x="9922" y="14740"/>
                  <a:pt x="10465" y="14430"/>
                  <a:pt x="10852" y="13887"/>
                </a:cubicBezTo>
                <a:cubicBezTo>
                  <a:pt x="11239" y="13499"/>
                  <a:pt x="11472" y="13033"/>
                  <a:pt x="11627" y="12490"/>
                </a:cubicBezTo>
                <a:cubicBezTo>
                  <a:pt x="11860" y="11947"/>
                  <a:pt x="11937" y="11249"/>
                  <a:pt x="11937" y="10396"/>
                </a:cubicBezTo>
                <a:lnTo>
                  <a:pt x="11937" y="0"/>
                </a:lnTo>
                <a:lnTo>
                  <a:pt x="14418" y="0"/>
                </a:lnTo>
                <a:lnTo>
                  <a:pt x="14418" y="10240"/>
                </a:lnTo>
                <a:cubicBezTo>
                  <a:pt x="14418" y="11404"/>
                  <a:pt x="14263" y="12412"/>
                  <a:pt x="13953" y="13266"/>
                </a:cubicBezTo>
                <a:cubicBezTo>
                  <a:pt x="13642" y="14119"/>
                  <a:pt x="13177" y="14818"/>
                  <a:pt x="12635" y="15438"/>
                </a:cubicBezTo>
                <a:cubicBezTo>
                  <a:pt x="11937" y="16136"/>
                  <a:pt x="11162" y="16757"/>
                  <a:pt x="10232" y="17145"/>
                </a:cubicBezTo>
                <a:cubicBezTo>
                  <a:pt x="9302" y="17533"/>
                  <a:pt x="8294" y="17765"/>
                  <a:pt x="7209" y="17765"/>
                </a:cubicBezTo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86" name="Kombinationstegning 85">
            <a:extLst>
              <a:ext uri="{FF2B5EF4-FFF2-40B4-BE49-F238E27FC236}">
                <a16:creationId xmlns:a16="http://schemas.microsoft.com/office/drawing/2014/main" id="{5FA834A6-6436-F6C5-35BC-358842DA752B}"/>
              </a:ext>
            </a:extLst>
          </p:cNvPr>
          <p:cNvSpPr/>
          <p:nvPr/>
        </p:nvSpPr>
        <p:spPr>
          <a:xfrm>
            <a:off x="18561132" y="15807310"/>
            <a:ext cx="32605" cy="34285"/>
          </a:xfrm>
          <a:custGeom>
            <a:avLst/>
            <a:gdLst>
              <a:gd name="connsiteX0" fmla="*/ 2403 w 11394"/>
              <a:gd name="connsiteY0" fmla="*/ 1396 h 12024"/>
              <a:gd name="connsiteX1" fmla="*/ 3798 w 11394"/>
              <a:gd name="connsiteY1" fmla="*/ 465 h 12024"/>
              <a:gd name="connsiteX2" fmla="*/ 5968 w 11394"/>
              <a:gd name="connsiteY2" fmla="*/ 0 h 12024"/>
              <a:gd name="connsiteX3" fmla="*/ 8371 w 11394"/>
              <a:gd name="connsiteY3" fmla="*/ 543 h 12024"/>
              <a:gd name="connsiteX4" fmla="*/ 10232 w 11394"/>
              <a:gd name="connsiteY4" fmla="*/ 2095 h 12024"/>
              <a:gd name="connsiteX5" fmla="*/ 11085 w 11394"/>
              <a:gd name="connsiteY5" fmla="*/ 3801 h 12024"/>
              <a:gd name="connsiteX6" fmla="*/ 11395 w 11394"/>
              <a:gd name="connsiteY6" fmla="*/ 6284 h 12024"/>
              <a:gd name="connsiteX7" fmla="*/ 11395 w 11394"/>
              <a:gd name="connsiteY7" fmla="*/ 12025 h 12024"/>
              <a:gd name="connsiteX8" fmla="*/ 8992 w 11394"/>
              <a:gd name="connsiteY8" fmla="*/ 12025 h 12024"/>
              <a:gd name="connsiteX9" fmla="*/ 8992 w 11394"/>
              <a:gd name="connsiteY9" fmla="*/ 6129 h 12024"/>
              <a:gd name="connsiteX10" fmla="*/ 8836 w 11394"/>
              <a:gd name="connsiteY10" fmla="*/ 4422 h 12024"/>
              <a:gd name="connsiteX11" fmla="*/ 8294 w 11394"/>
              <a:gd name="connsiteY11" fmla="*/ 3414 h 12024"/>
              <a:gd name="connsiteX12" fmla="*/ 7209 w 11394"/>
              <a:gd name="connsiteY12" fmla="*/ 2560 h 12024"/>
              <a:gd name="connsiteX13" fmla="*/ 5814 w 11394"/>
              <a:gd name="connsiteY13" fmla="*/ 2250 h 12024"/>
              <a:gd name="connsiteX14" fmla="*/ 3798 w 11394"/>
              <a:gd name="connsiteY14" fmla="*/ 2793 h 12024"/>
              <a:gd name="connsiteX15" fmla="*/ 2403 w 11394"/>
              <a:gd name="connsiteY15" fmla="*/ 3957 h 12024"/>
              <a:gd name="connsiteX16" fmla="*/ 2403 w 11394"/>
              <a:gd name="connsiteY16" fmla="*/ 12025 h 12024"/>
              <a:gd name="connsiteX17" fmla="*/ 0 w 11394"/>
              <a:gd name="connsiteY17" fmla="*/ 12025 h 12024"/>
              <a:gd name="connsiteX18" fmla="*/ 0 w 11394"/>
              <a:gd name="connsiteY18" fmla="*/ 233 h 12024"/>
              <a:gd name="connsiteX19" fmla="*/ 2325 w 11394"/>
              <a:gd name="connsiteY19" fmla="*/ 233 h 12024"/>
              <a:gd name="connsiteX20" fmla="*/ 2325 w 11394"/>
              <a:gd name="connsiteY20" fmla="*/ 1319 h 12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1394" h="12024">
                <a:moveTo>
                  <a:pt x="2403" y="1396"/>
                </a:moveTo>
                <a:cubicBezTo>
                  <a:pt x="2403" y="1396"/>
                  <a:pt x="3178" y="776"/>
                  <a:pt x="3798" y="465"/>
                </a:cubicBezTo>
                <a:cubicBezTo>
                  <a:pt x="4418" y="155"/>
                  <a:pt x="5116" y="0"/>
                  <a:pt x="5968" y="0"/>
                </a:cubicBezTo>
                <a:cubicBezTo>
                  <a:pt x="6821" y="0"/>
                  <a:pt x="7674" y="155"/>
                  <a:pt x="8371" y="543"/>
                </a:cubicBezTo>
                <a:cubicBezTo>
                  <a:pt x="9147" y="931"/>
                  <a:pt x="9767" y="1396"/>
                  <a:pt x="10232" y="2095"/>
                </a:cubicBezTo>
                <a:cubicBezTo>
                  <a:pt x="10620" y="2560"/>
                  <a:pt x="10930" y="3103"/>
                  <a:pt x="11085" y="3801"/>
                </a:cubicBezTo>
                <a:cubicBezTo>
                  <a:pt x="11240" y="4422"/>
                  <a:pt x="11395" y="5275"/>
                  <a:pt x="11395" y="6284"/>
                </a:cubicBezTo>
                <a:lnTo>
                  <a:pt x="11395" y="12025"/>
                </a:lnTo>
                <a:lnTo>
                  <a:pt x="8992" y="12025"/>
                </a:lnTo>
                <a:lnTo>
                  <a:pt x="8992" y="6129"/>
                </a:lnTo>
                <a:cubicBezTo>
                  <a:pt x="8992" y="5353"/>
                  <a:pt x="8992" y="4810"/>
                  <a:pt x="8836" y="4422"/>
                </a:cubicBezTo>
                <a:cubicBezTo>
                  <a:pt x="8682" y="4034"/>
                  <a:pt x="8527" y="3646"/>
                  <a:pt x="8294" y="3414"/>
                </a:cubicBezTo>
                <a:cubicBezTo>
                  <a:pt x="7984" y="3025"/>
                  <a:pt x="7674" y="2793"/>
                  <a:pt x="7209" y="2560"/>
                </a:cubicBezTo>
                <a:cubicBezTo>
                  <a:pt x="6821" y="2327"/>
                  <a:pt x="6356" y="2250"/>
                  <a:pt x="5814" y="2250"/>
                </a:cubicBezTo>
                <a:cubicBezTo>
                  <a:pt x="5038" y="2250"/>
                  <a:pt x="4341" y="2405"/>
                  <a:pt x="3798" y="2793"/>
                </a:cubicBezTo>
                <a:cubicBezTo>
                  <a:pt x="3256" y="3103"/>
                  <a:pt x="2790" y="3491"/>
                  <a:pt x="2403" y="3957"/>
                </a:cubicBezTo>
                <a:lnTo>
                  <a:pt x="2403" y="12025"/>
                </a:lnTo>
                <a:lnTo>
                  <a:pt x="0" y="12025"/>
                </a:lnTo>
                <a:lnTo>
                  <a:pt x="0" y="233"/>
                </a:lnTo>
                <a:lnTo>
                  <a:pt x="2325" y="233"/>
                </a:lnTo>
                <a:lnTo>
                  <a:pt x="2325" y="1319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87" name="Kombinationstegning 86">
            <a:extLst>
              <a:ext uri="{FF2B5EF4-FFF2-40B4-BE49-F238E27FC236}">
                <a16:creationId xmlns:a16="http://schemas.microsoft.com/office/drawing/2014/main" id="{80416EDC-2BF3-163E-CDA8-F25B9B01E7F4}"/>
              </a:ext>
            </a:extLst>
          </p:cNvPr>
          <p:cNvSpPr/>
          <p:nvPr/>
        </p:nvSpPr>
        <p:spPr>
          <a:xfrm>
            <a:off x="18607492" y="15791825"/>
            <a:ext cx="8871" cy="49771"/>
          </a:xfrm>
          <a:custGeom>
            <a:avLst/>
            <a:gdLst>
              <a:gd name="connsiteX0" fmla="*/ 387 w 3100"/>
              <a:gd name="connsiteY0" fmla="*/ 5741 h 17455"/>
              <a:gd name="connsiteX1" fmla="*/ 2791 w 3100"/>
              <a:gd name="connsiteY1" fmla="*/ 5741 h 17455"/>
              <a:gd name="connsiteX2" fmla="*/ 2791 w 3100"/>
              <a:gd name="connsiteY2" fmla="*/ 17455 h 17455"/>
              <a:gd name="connsiteX3" fmla="*/ 387 w 3100"/>
              <a:gd name="connsiteY3" fmla="*/ 17455 h 17455"/>
              <a:gd name="connsiteX4" fmla="*/ 387 w 3100"/>
              <a:gd name="connsiteY4" fmla="*/ 5741 h 17455"/>
              <a:gd name="connsiteX5" fmla="*/ 0 w 3100"/>
              <a:gd name="connsiteY5" fmla="*/ 1552 h 17455"/>
              <a:gd name="connsiteX6" fmla="*/ 465 w 3100"/>
              <a:gd name="connsiteY6" fmla="*/ 465 h 17455"/>
              <a:gd name="connsiteX7" fmla="*/ 1550 w 3100"/>
              <a:gd name="connsiteY7" fmla="*/ 0 h 17455"/>
              <a:gd name="connsiteX8" fmla="*/ 2636 w 3100"/>
              <a:gd name="connsiteY8" fmla="*/ 465 h 17455"/>
              <a:gd name="connsiteX9" fmla="*/ 3101 w 3100"/>
              <a:gd name="connsiteY9" fmla="*/ 1552 h 17455"/>
              <a:gd name="connsiteX10" fmla="*/ 2636 w 3100"/>
              <a:gd name="connsiteY10" fmla="*/ 2638 h 17455"/>
              <a:gd name="connsiteX11" fmla="*/ 1550 w 3100"/>
              <a:gd name="connsiteY11" fmla="*/ 3103 h 17455"/>
              <a:gd name="connsiteX12" fmla="*/ 465 w 3100"/>
              <a:gd name="connsiteY12" fmla="*/ 2638 h 17455"/>
              <a:gd name="connsiteX13" fmla="*/ 0 w 3100"/>
              <a:gd name="connsiteY13" fmla="*/ 1552 h 174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3100" h="17455">
                <a:moveTo>
                  <a:pt x="387" y="5741"/>
                </a:moveTo>
                <a:lnTo>
                  <a:pt x="2791" y="5741"/>
                </a:lnTo>
                <a:lnTo>
                  <a:pt x="2791" y="17455"/>
                </a:lnTo>
                <a:lnTo>
                  <a:pt x="387" y="17455"/>
                </a:lnTo>
                <a:lnTo>
                  <a:pt x="387" y="5741"/>
                </a:lnTo>
                <a:close/>
                <a:moveTo>
                  <a:pt x="0" y="1552"/>
                </a:moveTo>
                <a:cubicBezTo>
                  <a:pt x="0" y="1086"/>
                  <a:pt x="155" y="776"/>
                  <a:pt x="465" y="465"/>
                </a:cubicBezTo>
                <a:cubicBezTo>
                  <a:pt x="775" y="155"/>
                  <a:pt x="1163" y="0"/>
                  <a:pt x="1550" y="0"/>
                </a:cubicBezTo>
                <a:cubicBezTo>
                  <a:pt x="1938" y="0"/>
                  <a:pt x="2325" y="155"/>
                  <a:pt x="2636" y="465"/>
                </a:cubicBezTo>
                <a:cubicBezTo>
                  <a:pt x="2946" y="776"/>
                  <a:pt x="3101" y="1164"/>
                  <a:pt x="3101" y="1552"/>
                </a:cubicBezTo>
                <a:cubicBezTo>
                  <a:pt x="3101" y="1939"/>
                  <a:pt x="2946" y="2328"/>
                  <a:pt x="2636" y="2638"/>
                </a:cubicBezTo>
                <a:cubicBezTo>
                  <a:pt x="2325" y="2948"/>
                  <a:pt x="1938" y="3103"/>
                  <a:pt x="1550" y="3103"/>
                </a:cubicBezTo>
                <a:cubicBezTo>
                  <a:pt x="1163" y="3103"/>
                  <a:pt x="775" y="2948"/>
                  <a:pt x="465" y="2638"/>
                </a:cubicBezTo>
                <a:cubicBezTo>
                  <a:pt x="155" y="2328"/>
                  <a:pt x="0" y="1939"/>
                  <a:pt x="0" y="1552"/>
                </a:cubicBezTo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88" name="Kombinationstegning 87">
            <a:extLst>
              <a:ext uri="{FF2B5EF4-FFF2-40B4-BE49-F238E27FC236}">
                <a16:creationId xmlns:a16="http://schemas.microsoft.com/office/drawing/2014/main" id="{0E38700C-CE4C-AA92-78E5-7024B5AE7B5A}"/>
              </a:ext>
            </a:extLst>
          </p:cNvPr>
          <p:cNvSpPr/>
          <p:nvPr/>
        </p:nvSpPr>
        <p:spPr>
          <a:xfrm>
            <a:off x="18625680" y="15808194"/>
            <a:ext cx="33938" cy="33401"/>
          </a:xfrm>
          <a:custGeom>
            <a:avLst/>
            <a:gdLst>
              <a:gd name="connsiteX0" fmla="*/ 0 w 11860"/>
              <a:gd name="connsiteY0" fmla="*/ 0 h 11714"/>
              <a:gd name="connsiteX1" fmla="*/ 2481 w 11860"/>
              <a:gd name="connsiteY1" fmla="*/ 0 h 11714"/>
              <a:gd name="connsiteX2" fmla="*/ 5969 w 11860"/>
              <a:gd name="connsiteY2" fmla="*/ 7991 h 11714"/>
              <a:gd name="connsiteX3" fmla="*/ 9380 w 11860"/>
              <a:gd name="connsiteY3" fmla="*/ 0 h 11714"/>
              <a:gd name="connsiteX4" fmla="*/ 11860 w 11860"/>
              <a:gd name="connsiteY4" fmla="*/ 0 h 11714"/>
              <a:gd name="connsiteX5" fmla="*/ 6744 w 11860"/>
              <a:gd name="connsiteY5" fmla="*/ 11714 h 11714"/>
              <a:gd name="connsiteX6" fmla="*/ 5116 w 11860"/>
              <a:gd name="connsiteY6" fmla="*/ 11714 h 11714"/>
              <a:gd name="connsiteX7" fmla="*/ 0 w 11860"/>
              <a:gd name="connsiteY7" fmla="*/ 0 h 1171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1860" h="11714">
                <a:moveTo>
                  <a:pt x="0" y="0"/>
                </a:moveTo>
                <a:lnTo>
                  <a:pt x="2481" y="0"/>
                </a:lnTo>
                <a:lnTo>
                  <a:pt x="5969" y="7991"/>
                </a:lnTo>
                <a:lnTo>
                  <a:pt x="9380" y="0"/>
                </a:lnTo>
                <a:lnTo>
                  <a:pt x="11860" y="0"/>
                </a:lnTo>
                <a:lnTo>
                  <a:pt x="6744" y="11714"/>
                </a:lnTo>
                <a:lnTo>
                  <a:pt x="5116" y="11714"/>
                </a:lnTo>
                <a:lnTo>
                  <a:pt x="0" y="0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90" name="Kombinationstegning 89">
            <a:extLst>
              <a:ext uri="{FF2B5EF4-FFF2-40B4-BE49-F238E27FC236}">
                <a16:creationId xmlns:a16="http://schemas.microsoft.com/office/drawing/2014/main" id="{97F9A4FD-0BC4-8445-C086-414B1FC4300C}"/>
              </a:ext>
            </a:extLst>
          </p:cNvPr>
          <p:cNvSpPr/>
          <p:nvPr/>
        </p:nvSpPr>
        <p:spPr>
          <a:xfrm>
            <a:off x="18666939" y="15807530"/>
            <a:ext cx="32161" cy="34949"/>
          </a:xfrm>
          <a:custGeom>
            <a:avLst/>
            <a:gdLst>
              <a:gd name="connsiteX0" fmla="*/ 5814 w 11239"/>
              <a:gd name="connsiteY0" fmla="*/ 2017 h 12257"/>
              <a:gd name="connsiteX1" fmla="*/ 3721 w 11239"/>
              <a:gd name="connsiteY1" fmla="*/ 2715 h 12257"/>
              <a:gd name="connsiteX2" fmla="*/ 2481 w 11239"/>
              <a:gd name="connsiteY2" fmla="*/ 4577 h 12257"/>
              <a:gd name="connsiteX3" fmla="*/ 8915 w 11239"/>
              <a:gd name="connsiteY3" fmla="*/ 4577 h 12257"/>
              <a:gd name="connsiteX4" fmla="*/ 8449 w 11239"/>
              <a:gd name="connsiteY4" fmla="*/ 3569 h 12257"/>
              <a:gd name="connsiteX5" fmla="*/ 7752 w 11239"/>
              <a:gd name="connsiteY5" fmla="*/ 2715 h 12257"/>
              <a:gd name="connsiteX6" fmla="*/ 6821 w 11239"/>
              <a:gd name="connsiteY6" fmla="*/ 2172 h 12257"/>
              <a:gd name="connsiteX7" fmla="*/ 5814 w 11239"/>
              <a:gd name="connsiteY7" fmla="*/ 2017 h 12257"/>
              <a:gd name="connsiteX8" fmla="*/ 2326 w 11239"/>
              <a:gd name="connsiteY8" fmla="*/ 6594 h 12257"/>
              <a:gd name="connsiteX9" fmla="*/ 2713 w 11239"/>
              <a:gd name="connsiteY9" fmla="*/ 7991 h 12257"/>
              <a:gd name="connsiteX10" fmla="*/ 3488 w 11239"/>
              <a:gd name="connsiteY10" fmla="*/ 9077 h 12257"/>
              <a:gd name="connsiteX11" fmla="*/ 4651 w 11239"/>
              <a:gd name="connsiteY11" fmla="*/ 9852 h 12257"/>
              <a:gd name="connsiteX12" fmla="*/ 6124 w 11239"/>
              <a:gd name="connsiteY12" fmla="*/ 10163 h 12257"/>
              <a:gd name="connsiteX13" fmla="*/ 8217 w 11239"/>
              <a:gd name="connsiteY13" fmla="*/ 9620 h 12257"/>
              <a:gd name="connsiteX14" fmla="*/ 9535 w 11239"/>
              <a:gd name="connsiteY14" fmla="*/ 8534 h 12257"/>
              <a:gd name="connsiteX15" fmla="*/ 11085 w 11239"/>
              <a:gd name="connsiteY15" fmla="*/ 10008 h 12257"/>
              <a:gd name="connsiteX16" fmla="*/ 9147 w 11239"/>
              <a:gd name="connsiteY16" fmla="*/ 11559 h 12257"/>
              <a:gd name="connsiteX17" fmla="*/ 6124 w 11239"/>
              <a:gd name="connsiteY17" fmla="*/ 12257 h 12257"/>
              <a:gd name="connsiteX18" fmla="*/ 3721 w 11239"/>
              <a:gd name="connsiteY18" fmla="*/ 11792 h 12257"/>
              <a:gd name="connsiteX19" fmla="*/ 1783 w 11239"/>
              <a:gd name="connsiteY19" fmla="*/ 10551 h 12257"/>
              <a:gd name="connsiteX20" fmla="*/ 465 w 11239"/>
              <a:gd name="connsiteY20" fmla="*/ 8611 h 12257"/>
              <a:gd name="connsiteX21" fmla="*/ 0 w 11239"/>
              <a:gd name="connsiteY21" fmla="*/ 6129 h 12257"/>
              <a:gd name="connsiteX22" fmla="*/ 388 w 11239"/>
              <a:gd name="connsiteY22" fmla="*/ 3646 h 12257"/>
              <a:gd name="connsiteX23" fmla="*/ 1550 w 11239"/>
              <a:gd name="connsiteY23" fmla="*/ 1707 h 12257"/>
              <a:gd name="connsiteX24" fmla="*/ 3334 w 11239"/>
              <a:gd name="connsiteY24" fmla="*/ 465 h 12257"/>
              <a:gd name="connsiteX25" fmla="*/ 5659 w 11239"/>
              <a:gd name="connsiteY25" fmla="*/ 0 h 12257"/>
              <a:gd name="connsiteX26" fmla="*/ 7907 w 11239"/>
              <a:gd name="connsiteY26" fmla="*/ 465 h 12257"/>
              <a:gd name="connsiteX27" fmla="*/ 9690 w 11239"/>
              <a:gd name="connsiteY27" fmla="*/ 1784 h 12257"/>
              <a:gd name="connsiteX28" fmla="*/ 10852 w 11239"/>
              <a:gd name="connsiteY28" fmla="*/ 3724 h 12257"/>
              <a:gd name="connsiteX29" fmla="*/ 11240 w 11239"/>
              <a:gd name="connsiteY29" fmla="*/ 6129 h 12257"/>
              <a:gd name="connsiteX30" fmla="*/ 11240 w 11239"/>
              <a:gd name="connsiteY30" fmla="*/ 6361 h 12257"/>
              <a:gd name="connsiteX31" fmla="*/ 11240 w 11239"/>
              <a:gd name="connsiteY31" fmla="*/ 6672 h 12257"/>
              <a:gd name="connsiteX32" fmla="*/ 2171 w 11239"/>
              <a:gd name="connsiteY32" fmla="*/ 6672 h 1225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11239" h="12257">
                <a:moveTo>
                  <a:pt x="5814" y="2017"/>
                </a:moveTo>
                <a:cubicBezTo>
                  <a:pt x="5039" y="2017"/>
                  <a:pt x="4341" y="2250"/>
                  <a:pt x="3721" y="2715"/>
                </a:cubicBezTo>
                <a:cubicBezTo>
                  <a:pt x="3101" y="3181"/>
                  <a:pt x="2713" y="3801"/>
                  <a:pt x="2481" y="4577"/>
                </a:cubicBezTo>
                <a:lnTo>
                  <a:pt x="8915" y="4577"/>
                </a:lnTo>
                <a:cubicBezTo>
                  <a:pt x="8915" y="4577"/>
                  <a:pt x="8682" y="3879"/>
                  <a:pt x="8449" y="3569"/>
                </a:cubicBezTo>
                <a:cubicBezTo>
                  <a:pt x="8217" y="3258"/>
                  <a:pt x="7984" y="2948"/>
                  <a:pt x="7752" y="2715"/>
                </a:cubicBezTo>
                <a:cubicBezTo>
                  <a:pt x="7442" y="2482"/>
                  <a:pt x="7132" y="2327"/>
                  <a:pt x="6821" y="2172"/>
                </a:cubicBezTo>
                <a:cubicBezTo>
                  <a:pt x="6512" y="2017"/>
                  <a:pt x="6124" y="2017"/>
                  <a:pt x="5814" y="2017"/>
                </a:cubicBezTo>
                <a:moveTo>
                  <a:pt x="2326" y="6594"/>
                </a:moveTo>
                <a:cubicBezTo>
                  <a:pt x="2326" y="7060"/>
                  <a:pt x="2481" y="7525"/>
                  <a:pt x="2713" y="7991"/>
                </a:cubicBezTo>
                <a:cubicBezTo>
                  <a:pt x="2946" y="8378"/>
                  <a:pt x="3178" y="8766"/>
                  <a:pt x="3488" y="9077"/>
                </a:cubicBezTo>
                <a:cubicBezTo>
                  <a:pt x="3799" y="9387"/>
                  <a:pt x="4186" y="9697"/>
                  <a:pt x="4651" y="9852"/>
                </a:cubicBezTo>
                <a:cubicBezTo>
                  <a:pt x="5116" y="10008"/>
                  <a:pt x="5581" y="10163"/>
                  <a:pt x="6124" y="10163"/>
                </a:cubicBezTo>
                <a:cubicBezTo>
                  <a:pt x="6977" y="10163"/>
                  <a:pt x="7675" y="10008"/>
                  <a:pt x="8217" y="9620"/>
                </a:cubicBezTo>
                <a:cubicBezTo>
                  <a:pt x="8759" y="9309"/>
                  <a:pt x="9147" y="8922"/>
                  <a:pt x="9535" y="8534"/>
                </a:cubicBezTo>
                <a:lnTo>
                  <a:pt x="11085" y="10008"/>
                </a:lnTo>
                <a:cubicBezTo>
                  <a:pt x="10620" y="10551"/>
                  <a:pt x="10000" y="11094"/>
                  <a:pt x="9147" y="11559"/>
                </a:cubicBezTo>
                <a:cubicBezTo>
                  <a:pt x="8294" y="12025"/>
                  <a:pt x="7287" y="12257"/>
                  <a:pt x="6124" y="12257"/>
                </a:cubicBezTo>
                <a:cubicBezTo>
                  <a:pt x="5272" y="12257"/>
                  <a:pt x="4496" y="12102"/>
                  <a:pt x="3721" y="11792"/>
                </a:cubicBezTo>
                <a:cubicBezTo>
                  <a:pt x="2946" y="11482"/>
                  <a:pt x="2326" y="11094"/>
                  <a:pt x="1783" y="10551"/>
                </a:cubicBezTo>
                <a:cubicBezTo>
                  <a:pt x="1241" y="10008"/>
                  <a:pt x="775" y="9387"/>
                  <a:pt x="465" y="8611"/>
                </a:cubicBezTo>
                <a:cubicBezTo>
                  <a:pt x="155" y="7835"/>
                  <a:pt x="0" y="7060"/>
                  <a:pt x="0" y="6129"/>
                </a:cubicBezTo>
                <a:cubicBezTo>
                  <a:pt x="0" y="5198"/>
                  <a:pt x="155" y="4422"/>
                  <a:pt x="388" y="3646"/>
                </a:cubicBezTo>
                <a:cubicBezTo>
                  <a:pt x="698" y="2870"/>
                  <a:pt x="1085" y="2250"/>
                  <a:pt x="1550" y="1707"/>
                </a:cubicBezTo>
                <a:cubicBezTo>
                  <a:pt x="2093" y="1164"/>
                  <a:pt x="2636" y="776"/>
                  <a:pt x="3334" y="465"/>
                </a:cubicBezTo>
                <a:cubicBezTo>
                  <a:pt x="4031" y="155"/>
                  <a:pt x="4806" y="0"/>
                  <a:pt x="5659" y="0"/>
                </a:cubicBezTo>
                <a:cubicBezTo>
                  <a:pt x="6512" y="0"/>
                  <a:pt x="7209" y="155"/>
                  <a:pt x="7907" y="465"/>
                </a:cubicBezTo>
                <a:cubicBezTo>
                  <a:pt x="8605" y="776"/>
                  <a:pt x="9224" y="1241"/>
                  <a:pt x="9690" y="1784"/>
                </a:cubicBezTo>
                <a:cubicBezTo>
                  <a:pt x="10155" y="2327"/>
                  <a:pt x="10543" y="2948"/>
                  <a:pt x="10852" y="3724"/>
                </a:cubicBezTo>
                <a:cubicBezTo>
                  <a:pt x="11162" y="4499"/>
                  <a:pt x="11240" y="5275"/>
                  <a:pt x="11240" y="6129"/>
                </a:cubicBezTo>
                <a:lnTo>
                  <a:pt x="11240" y="6361"/>
                </a:lnTo>
                <a:cubicBezTo>
                  <a:pt x="11240" y="6361"/>
                  <a:pt x="11240" y="6517"/>
                  <a:pt x="11240" y="6672"/>
                </a:cubicBezTo>
                <a:lnTo>
                  <a:pt x="2171" y="6672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91" name="Kombinationstegning 90">
            <a:extLst>
              <a:ext uri="{FF2B5EF4-FFF2-40B4-BE49-F238E27FC236}">
                <a16:creationId xmlns:a16="http://schemas.microsoft.com/office/drawing/2014/main" id="{81C4EDAE-16F6-B082-F8C2-BEA375A1723C}"/>
              </a:ext>
            </a:extLst>
          </p:cNvPr>
          <p:cNvSpPr/>
          <p:nvPr/>
        </p:nvSpPr>
        <p:spPr>
          <a:xfrm>
            <a:off x="18712412" y="15807088"/>
            <a:ext cx="19296" cy="34507"/>
          </a:xfrm>
          <a:custGeom>
            <a:avLst/>
            <a:gdLst>
              <a:gd name="connsiteX0" fmla="*/ 6511 w 6743"/>
              <a:gd name="connsiteY0" fmla="*/ 2483 h 12102"/>
              <a:gd name="connsiteX1" fmla="*/ 5581 w 6743"/>
              <a:gd name="connsiteY1" fmla="*/ 2405 h 12102"/>
              <a:gd name="connsiteX2" fmla="*/ 3798 w 6743"/>
              <a:gd name="connsiteY2" fmla="*/ 2948 h 12102"/>
              <a:gd name="connsiteX3" fmla="*/ 2403 w 6743"/>
              <a:gd name="connsiteY3" fmla="*/ 4344 h 12102"/>
              <a:gd name="connsiteX4" fmla="*/ 2403 w 6743"/>
              <a:gd name="connsiteY4" fmla="*/ 12102 h 12102"/>
              <a:gd name="connsiteX5" fmla="*/ 0 w 6743"/>
              <a:gd name="connsiteY5" fmla="*/ 12102 h 12102"/>
              <a:gd name="connsiteX6" fmla="*/ 0 w 6743"/>
              <a:gd name="connsiteY6" fmla="*/ 310 h 12102"/>
              <a:gd name="connsiteX7" fmla="*/ 2325 w 6743"/>
              <a:gd name="connsiteY7" fmla="*/ 310 h 12102"/>
              <a:gd name="connsiteX8" fmla="*/ 2325 w 6743"/>
              <a:gd name="connsiteY8" fmla="*/ 1629 h 12102"/>
              <a:gd name="connsiteX9" fmla="*/ 3643 w 6743"/>
              <a:gd name="connsiteY9" fmla="*/ 543 h 12102"/>
              <a:gd name="connsiteX10" fmla="*/ 5814 w 6743"/>
              <a:gd name="connsiteY10" fmla="*/ 0 h 12102"/>
              <a:gd name="connsiteX11" fmla="*/ 6279 w 6743"/>
              <a:gd name="connsiteY11" fmla="*/ 0 h 12102"/>
              <a:gd name="connsiteX12" fmla="*/ 6744 w 6743"/>
              <a:gd name="connsiteY12" fmla="*/ 0 h 12102"/>
              <a:gd name="connsiteX13" fmla="*/ 6434 w 6743"/>
              <a:gd name="connsiteY13" fmla="*/ 2250 h 121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6743" h="12102">
                <a:moveTo>
                  <a:pt x="6511" y="2483"/>
                </a:moveTo>
                <a:cubicBezTo>
                  <a:pt x="6511" y="2483"/>
                  <a:pt x="5968" y="2405"/>
                  <a:pt x="5581" y="2405"/>
                </a:cubicBezTo>
                <a:cubicBezTo>
                  <a:pt x="4961" y="2405"/>
                  <a:pt x="4341" y="2560"/>
                  <a:pt x="3798" y="2948"/>
                </a:cubicBezTo>
                <a:cubicBezTo>
                  <a:pt x="3178" y="3336"/>
                  <a:pt x="2713" y="3802"/>
                  <a:pt x="2403" y="4344"/>
                </a:cubicBezTo>
                <a:lnTo>
                  <a:pt x="2403" y="12102"/>
                </a:lnTo>
                <a:lnTo>
                  <a:pt x="0" y="12102"/>
                </a:lnTo>
                <a:lnTo>
                  <a:pt x="0" y="310"/>
                </a:lnTo>
                <a:lnTo>
                  <a:pt x="2325" y="310"/>
                </a:lnTo>
                <a:lnTo>
                  <a:pt x="2325" y="1629"/>
                </a:lnTo>
                <a:cubicBezTo>
                  <a:pt x="2635" y="1241"/>
                  <a:pt x="3023" y="853"/>
                  <a:pt x="3643" y="543"/>
                </a:cubicBezTo>
                <a:cubicBezTo>
                  <a:pt x="4263" y="233"/>
                  <a:pt x="4961" y="0"/>
                  <a:pt x="5814" y="0"/>
                </a:cubicBezTo>
                <a:cubicBezTo>
                  <a:pt x="5968" y="0"/>
                  <a:pt x="6124" y="0"/>
                  <a:pt x="6279" y="0"/>
                </a:cubicBezTo>
                <a:cubicBezTo>
                  <a:pt x="6434" y="0"/>
                  <a:pt x="6589" y="0"/>
                  <a:pt x="6744" y="0"/>
                </a:cubicBezTo>
                <a:lnTo>
                  <a:pt x="6434" y="2250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92" name="Kombinationstegning 91">
            <a:extLst>
              <a:ext uri="{FF2B5EF4-FFF2-40B4-BE49-F238E27FC236}">
                <a16:creationId xmlns:a16="http://schemas.microsoft.com/office/drawing/2014/main" id="{7DAE6844-AEAF-7717-49E2-DBED67FD0787}"/>
              </a:ext>
            </a:extLst>
          </p:cNvPr>
          <p:cNvSpPr/>
          <p:nvPr/>
        </p:nvSpPr>
        <p:spPr>
          <a:xfrm>
            <a:off x="18740582" y="15807530"/>
            <a:ext cx="25952" cy="35172"/>
          </a:xfrm>
          <a:custGeom>
            <a:avLst/>
            <a:gdLst>
              <a:gd name="connsiteX0" fmla="*/ 1163 w 9069"/>
              <a:gd name="connsiteY0" fmla="*/ 8844 h 12335"/>
              <a:gd name="connsiteX1" fmla="*/ 4651 w 9069"/>
              <a:gd name="connsiteY1" fmla="*/ 10163 h 12335"/>
              <a:gd name="connsiteX2" fmla="*/ 6046 w 9069"/>
              <a:gd name="connsiteY2" fmla="*/ 9775 h 12335"/>
              <a:gd name="connsiteX3" fmla="*/ 6667 w 9069"/>
              <a:gd name="connsiteY3" fmla="*/ 8689 h 12335"/>
              <a:gd name="connsiteX4" fmla="*/ 6356 w 9069"/>
              <a:gd name="connsiteY4" fmla="*/ 7913 h 12335"/>
              <a:gd name="connsiteX5" fmla="*/ 5504 w 9069"/>
              <a:gd name="connsiteY5" fmla="*/ 7448 h 12335"/>
              <a:gd name="connsiteX6" fmla="*/ 4341 w 9069"/>
              <a:gd name="connsiteY6" fmla="*/ 7137 h 12335"/>
              <a:gd name="connsiteX7" fmla="*/ 3023 w 9069"/>
              <a:gd name="connsiteY7" fmla="*/ 6749 h 12335"/>
              <a:gd name="connsiteX8" fmla="*/ 2015 w 9069"/>
              <a:gd name="connsiteY8" fmla="*/ 6284 h 12335"/>
              <a:gd name="connsiteX9" fmla="*/ 1163 w 9069"/>
              <a:gd name="connsiteY9" fmla="*/ 5663 h 12335"/>
              <a:gd name="connsiteX10" fmla="*/ 543 w 9069"/>
              <a:gd name="connsiteY10" fmla="*/ 4810 h 12335"/>
              <a:gd name="connsiteX11" fmla="*/ 310 w 9069"/>
              <a:gd name="connsiteY11" fmla="*/ 3724 h 12335"/>
              <a:gd name="connsiteX12" fmla="*/ 698 w 9069"/>
              <a:gd name="connsiteY12" fmla="*/ 2095 h 12335"/>
              <a:gd name="connsiteX13" fmla="*/ 1706 w 9069"/>
              <a:gd name="connsiteY13" fmla="*/ 931 h 12335"/>
              <a:gd name="connsiteX14" fmla="*/ 3101 w 9069"/>
              <a:gd name="connsiteY14" fmla="*/ 233 h 12335"/>
              <a:gd name="connsiteX15" fmla="*/ 4651 w 9069"/>
              <a:gd name="connsiteY15" fmla="*/ 0 h 12335"/>
              <a:gd name="connsiteX16" fmla="*/ 6899 w 9069"/>
              <a:gd name="connsiteY16" fmla="*/ 388 h 12335"/>
              <a:gd name="connsiteX17" fmla="*/ 8527 w 9069"/>
              <a:gd name="connsiteY17" fmla="*/ 1319 h 12335"/>
              <a:gd name="connsiteX18" fmla="*/ 7287 w 9069"/>
              <a:gd name="connsiteY18" fmla="*/ 3025 h 12335"/>
              <a:gd name="connsiteX19" fmla="*/ 6124 w 9069"/>
              <a:gd name="connsiteY19" fmla="*/ 2327 h 12335"/>
              <a:gd name="connsiteX20" fmla="*/ 4806 w 9069"/>
              <a:gd name="connsiteY20" fmla="*/ 2095 h 12335"/>
              <a:gd name="connsiteX21" fmla="*/ 3333 w 9069"/>
              <a:gd name="connsiteY21" fmla="*/ 2482 h 12335"/>
              <a:gd name="connsiteX22" fmla="*/ 2713 w 9069"/>
              <a:gd name="connsiteY22" fmla="*/ 3569 h 12335"/>
              <a:gd name="connsiteX23" fmla="*/ 3333 w 9069"/>
              <a:gd name="connsiteY23" fmla="*/ 4422 h 12335"/>
              <a:gd name="connsiteX24" fmla="*/ 4806 w 9069"/>
              <a:gd name="connsiteY24" fmla="*/ 4965 h 12335"/>
              <a:gd name="connsiteX25" fmla="*/ 6279 w 9069"/>
              <a:gd name="connsiteY25" fmla="*/ 5430 h 12335"/>
              <a:gd name="connsiteX26" fmla="*/ 7674 w 9069"/>
              <a:gd name="connsiteY26" fmla="*/ 6129 h 12335"/>
              <a:gd name="connsiteX27" fmla="*/ 8682 w 9069"/>
              <a:gd name="connsiteY27" fmla="*/ 7215 h 12335"/>
              <a:gd name="connsiteX28" fmla="*/ 9070 w 9069"/>
              <a:gd name="connsiteY28" fmla="*/ 8766 h 12335"/>
              <a:gd name="connsiteX29" fmla="*/ 8682 w 9069"/>
              <a:gd name="connsiteY29" fmla="*/ 10240 h 12335"/>
              <a:gd name="connsiteX30" fmla="*/ 7752 w 9069"/>
              <a:gd name="connsiteY30" fmla="*/ 11404 h 12335"/>
              <a:gd name="connsiteX31" fmla="*/ 6356 w 9069"/>
              <a:gd name="connsiteY31" fmla="*/ 12102 h 12335"/>
              <a:gd name="connsiteX32" fmla="*/ 4729 w 9069"/>
              <a:gd name="connsiteY32" fmla="*/ 12335 h 12335"/>
              <a:gd name="connsiteX33" fmla="*/ 0 w 9069"/>
              <a:gd name="connsiteY33" fmla="*/ 10706 h 12335"/>
              <a:gd name="connsiteX34" fmla="*/ 1241 w 9069"/>
              <a:gd name="connsiteY34" fmla="*/ 8922 h 1233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</a:cxnLst>
            <a:rect l="l" t="t" r="r" b="b"/>
            <a:pathLst>
              <a:path w="9069" h="12335">
                <a:moveTo>
                  <a:pt x="1163" y="8844"/>
                </a:moveTo>
                <a:cubicBezTo>
                  <a:pt x="2248" y="9697"/>
                  <a:pt x="3411" y="10163"/>
                  <a:pt x="4651" y="10163"/>
                </a:cubicBezTo>
                <a:cubicBezTo>
                  <a:pt x="5194" y="10163"/>
                  <a:pt x="5659" y="10008"/>
                  <a:pt x="6046" y="9775"/>
                </a:cubicBezTo>
                <a:cubicBezTo>
                  <a:pt x="6512" y="9542"/>
                  <a:pt x="6667" y="9154"/>
                  <a:pt x="6667" y="8689"/>
                </a:cubicBezTo>
                <a:cubicBezTo>
                  <a:pt x="6667" y="8378"/>
                  <a:pt x="6589" y="8068"/>
                  <a:pt x="6356" y="7913"/>
                </a:cubicBezTo>
                <a:cubicBezTo>
                  <a:pt x="6124" y="7758"/>
                  <a:pt x="5814" y="7525"/>
                  <a:pt x="5504" y="7448"/>
                </a:cubicBezTo>
                <a:cubicBezTo>
                  <a:pt x="5116" y="7292"/>
                  <a:pt x="4729" y="7215"/>
                  <a:pt x="4341" y="7137"/>
                </a:cubicBezTo>
                <a:cubicBezTo>
                  <a:pt x="3876" y="7060"/>
                  <a:pt x="3488" y="6904"/>
                  <a:pt x="3023" y="6749"/>
                </a:cubicBezTo>
                <a:cubicBezTo>
                  <a:pt x="2636" y="6672"/>
                  <a:pt x="2325" y="6517"/>
                  <a:pt x="2015" y="6284"/>
                </a:cubicBezTo>
                <a:cubicBezTo>
                  <a:pt x="1706" y="6129"/>
                  <a:pt x="1395" y="5896"/>
                  <a:pt x="1163" y="5663"/>
                </a:cubicBezTo>
                <a:cubicBezTo>
                  <a:pt x="930" y="5430"/>
                  <a:pt x="698" y="5120"/>
                  <a:pt x="543" y="4810"/>
                </a:cubicBezTo>
                <a:cubicBezTo>
                  <a:pt x="387" y="4499"/>
                  <a:pt x="310" y="4112"/>
                  <a:pt x="310" y="3724"/>
                </a:cubicBezTo>
                <a:cubicBezTo>
                  <a:pt x="310" y="3103"/>
                  <a:pt x="465" y="2560"/>
                  <a:pt x="698" y="2095"/>
                </a:cubicBezTo>
                <a:cubicBezTo>
                  <a:pt x="930" y="1629"/>
                  <a:pt x="1318" y="1241"/>
                  <a:pt x="1706" y="931"/>
                </a:cubicBezTo>
                <a:cubicBezTo>
                  <a:pt x="2093" y="621"/>
                  <a:pt x="2558" y="388"/>
                  <a:pt x="3101" y="233"/>
                </a:cubicBezTo>
                <a:cubicBezTo>
                  <a:pt x="3644" y="77"/>
                  <a:pt x="4109" y="0"/>
                  <a:pt x="4651" y="0"/>
                </a:cubicBezTo>
                <a:cubicBezTo>
                  <a:pt x="5504" y="0"/>
                  <a:pt x="6279" y="155"/>
                  <a:pt x="6899" y="388"/>
                </a:cubicBezTo>
                <a:cubicBezTo>
                  <a:pt x="7519" y="621"/>
                  <a:pt x="8062" y="931"/>
                  <a:pt x="8527" y="1319"/>
                </a:cubicBezTo>
                <a:lnTo>
                  <a:pt x="7287" y="3025"/>
                </a:lnTo>
                <a:cubicBezTo>
                  <a:pt x="7287" y="3025"/>
                  <a:pt x="6512" y="2482"/>
                  <a:pt x="6124" y="2327"/>
                </a:cubicBezTo>
                <a:cubicBezTo>
                  <a:pt x="5736" y="2172"/>
                  <a:pt x="5271" y="2095"/>
                  <a:pt x="4806" y="2095"/>
                </a:cubicBezTo>
                <a:cubicBezTo>
                  <a:pt x="4186" y="2095"/>
                  <a:pt x="3721" y="2250"/>
                  <a:pt x="3333" y="2482"/>
                </a:cubicBezTo>
                <a:cubicBezTo>
                  <a:pt x="2946" y="2715"/>
                  <a:pt x="2713" y="3103"/>
                  <a:pt x="2713" y="3569"/>
                </a:cubicBezTo>
                <a:cubicBezTo>
                  <a:pt x="2713" y="3956"/>
                  <a:pt x="2946" y="4267"/>
                  <a:pt x="3333" y="4422"/>
                </a:cubicBezTo>
                <a:cubicBezTo>
                  <a:pt x="3721" y="4577"/>
                  <a:pt x="4263" y="4732"/>
                  <a:pt x="4806" y="4965"/>
                </a:cubicBezTo>
                <a:cubicBezTo>
                  <a:pt x="5271" y="5043"/>
                  <a:pt x="5736" y="5198"/>
                  <a:pt x="6279" y="5430"/>
                </a:cubicBezTo>
                <a:cubicBezTo>
                  <a:pt x="6821" y="5586"/>
                  <a:pt x="7209" y="5818"/>
                  <a:pt x="7674" y="6129"/>
                </a:cubicBezTo>
                <a:cubicBezTo>
                  <a:pt x="8062" y="6439"/>
                  <a:pt x="8449" y="6749"/>
                  <a:pt x="8682" y="7215"/>
                </a:cubicBezTo>
                <a:cubicBezTo>
                  <a:pt x="8992" y="7603"/>
                  <a:pt x="9070" y="8146"/>
                  <a:pt x="9070" y="8766"/>
                </a:cubicBezTo>
                <a:cubicBezTo>
                  <a:pt x="9070" y="9309"/>
                  <a:pt x="8992" y="9852"/>
                  <a:pt x="8682" y="10240"/>
                </a:cubicBezTo>
                <a:cubicBezTo>
                  <a:pt x="8449" y="10706"/>
                  <a:pt x="8139" y="11094"/>
                  <a:pt x="7752" y="11404"/>
                </a:cubicBezTo>
                <a:cubicBezTo>
                  <a:pt x="7364" y="11714"/>
                  <a:pt x="6899" y="11947"/>
                  <a:pt x="6356" y="12102"/>
                </a:cubicBezTo>
                <a:cubicBezTo>
                  <a:pt x="5814" y="12257"/>
                  <a:pt x="5271" y="12335"/>
                  <a:pt x="4729" y="12335"/>
                </a:cubicBezTo>
                <a:cubicBezTo>
                  <a:pt x="2868" y="12335"/>
                  <a:pt x="1318" y="11792"/>
                  <a:pt x="0" y="10706"/>
                </a:cubicBezTo>
                <a:lnTo>
                  <a:pt x="1241" y="8922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93" name="Kombinationstegning 92">
            <a:extLst>
              <a:ext uri="{FF2B5EF4-FFF2-40B4-BE49-F238E27FC236}">
                <a16:creationId xmlns:a16="http://schemas.microsoft.com/office/drawing/2014/main" id="{B2BF9BB4-C106-7BA7-5E93-FAEFFC7AF47F}"/>
              </a:ext>
            </a:extLst>
          </p:cNvPr>
          <p:cNvSpPr/>
          <p:nvPr/>
        </p:nvSpPr>
        <p:spPr>
          <a:xfrm>
            <a:off x="18778515" y="15791825"/>
            <a:ext cx="8871" cy="49771"/>
          </a:xfrm>
          <a:custGeom>
            <a:avLst/>
            <a:gdLst>
              <a:gd name="connsiteX0" fmla="*/ 387 w 3100"/>
              <a:gd name="connsiteY0" fmla="*/ 5741 h 17455"/>
              <a:gd name="connsiteX1" fmla="*/ 2790 w 3100"/>
              <a:gd name="connsiteY1" fmla="*/ 5741 h 17455"/>
              <a:gd name="connsiteX2" fmla="*/ 2790 w 3100"/>
              <a:gd name="connsiteY2" fmla="*/ 17455 h 17455"/>
              <a:gd name="connsiteX3" fmla="*/ 387 w 3100"/>
              <a:gd name="connsiteY3" fmla="*/ 17455 h 17455"/>
              <a:gd name="connsiteX4" fmla="*/ 387 w 3100"/>
              <a:gd name="connsiteY4" fmla="*/ 5741 h 17455"/>
              <a:gd name="connsiteX5" fmla="*/ 0 w 3100"/>
              <a:gd name="connsiteY5" fmla="*/ 1552 h 17455"/>
              <a:gd name="connsiteX6" fmla="*/ 465 w 3100"/>
              <a:gd name="connsiteY6" fmla="*/ 465 h 17455"/>
              <a:gd name="connsiteX7" fmla="*/ 1550 w 3100"/>
              <a:gd name="connsiteY7" fmla="*/ 0 h 17455"/>
              <a:gd name="connsiteX8" fmla="*/ 2635 w 3100"/>
              <a:gd name="connsiteY8" fmla="*/ 465 h 17455"/>
              <a:gd name="connsiteX9" fmla="*/ 3101 w 3100"/>
              <a:gd name="connsiteY9" fmla="*/ 1552 h 17455"/>
              <a:gd name="connsiteX10" fmla="*/ 2635 w 3100"/>
              <a:gd name="connsiteY10" fmla="*/ 2638 h 17455"/>
              <a:gd name="connsiteX11" fmla="*/ 1550 w 3100"/>
              <a:gd name="connsiteY11" fmla="*/ 3103 h 17455"/>
              <a:gd name="connsiteX12" fmla="*/ 465 w 3100"/>
              <a:gd name="connsiteY12" fmla="*/ 2638 h 17455"/>
              <a:gd name="connsiteX13" fmla="*/ 0 w 3100"/>
              <a:gd name="connsiteY13" fmla="*/ 1552 h 174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3100" h="17455">
                <a:moveTo>
                  <a:pt x="387" y="5741"/>
                </a:moveTo>
                <a:lnTo>
                  <a:pt x="2790" y="5741"/>
                </a:lnTo>
                <a:lnTo>
                  <a:pt x="2790" y="17455"/>
                </a:lnTo>
                <a:lnTo>
                  <a:pt x="387" y="17455"/>
                </a:lnTo>
                <a:lnTo>
                  <a:pt x="387" y="5741"/>
                </a:lnTo>
                <a:close/>
                <a:moveTo>
                  <a:pt x="0" y="1552"/>
                </a:moveTo>
                <a:cubicBezTo>
                  <a:pt x="0" y="1086"/>
                  <a:pt x="155" y="776"/>
                  <a:pt x="465" y="465"/>
                </a:cubicBezTo>
                <a:cubicBezTo>
                  <a:pt x="775" y="155"/>
                  <a:pt x="1163" y="0"/>
                  <a:pt x="1550" y="0"/>
                </a:cubicBezTo>
                <a:cubicBezTo>
                  <a:pt x="1938" y="0"/>
                  <a:pt x="2325" y="155"/>
                  <a:pt x="2635" y="465"/>
                </a:cubicBezTo>
                <a:cubicBezTo>
                  <a:pt x="2946" y="776"/>
                  <a:pt x="3101" y="1164"/>
                  <a:pt x="3101" y="1552"/>
                </a:cubicBezTo>
                <a:cubicBezTo>
                  <a:pt x="3101" y="1939"/>
                  <a:pt x="2946" y="2328"/>
                  <a:pt x="2635" y="2638"/>
                </a:cubicBezTo>
                <a:cubicBezTo>
                  <a:pt x="2325" y="2948"/>
                  <a:pt x="1938" y="3103"/>
                  <a:pt x="1550" y="3103"/>
                </a:cubicBezTo>
                <a:cubicBezTo>
                  <a:pt x="1163" y="3103"/>
                  <a:pt x="775" y="2948"/>
                  <a:pt x="465" y="2638"/>
                </a:cubicBezTo>
                <a:cubicBezTo>
                  <a:pt x="155" y="2328"/>
                  <a:pt x="0" y="1939"/>
                  <a:pt x="0" y="1552"/>
                </a:cubicBezTo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94" name="Kombinationstegning 93">
            <a:extLst>
              <a:ext uri="{FF2B5EF4-FFF2-40B4-BE49-F238E27FC236}">
                <a16:creationId xmlns:a16="http://schemas.microsoft.com/office/drawing/2014/main" id="{11EF0C0F-F303-CBCD-8F35-BFF09A8FAA0E}"/>
              </a:ext>
            </a:extLst>
          </p:cNvPr>
          <p:cNvSpPr/>
          <p:nvPr/>
        </p:nvSpPr>
        <p:spPr>
          <a:xfrm>
            <a:off x="18796703" y="15798463"/>
            <a:ext cx="26172" cy="43577"/>
          </a:xfrm>
          <a:custGeom>
            <a:avLst/>
            <a:gdLst>
              <a:gd name="connsiteX0" fmla="*/ 9147 w 9146"/>
              <a:gd name="connsiteY0" fmla="*/ 15128 h 15283"/>
              <a:gd name="connsiteX1" fmla="*/ 8294 w 9146"/>
              <a:gd name="connsiteY1" fmla="*/ 15283 h 15283"/>
              <a:gd name="connsiteX2" fmla="*/ 7287 w 9146"/>
              <a:gd name="connsiteY2" fmla="*/ 15283 h 15283"/>
              <a:gd name="connsiteX3" fmla="*/ 5349 w 9146"/>
              <a:gd name="connsiteY3" fmla="*/ 14895 h 15283"/>
              <a:gd name="connsiteX4" fmla="*/ 3953 w 9146"/>
              <a:gd name="connsiteY4" fmla="*/ 13887 h 15283"/>
              <a:gd name="connsiteX5" fmla="*/ 3256 w 9146"/>
              <a:gd name="connsiteY5" fmla="*/ 12490 h 15283"/>
              <a:gd name="connsiteX6" fmla="*/ 3023 w 9146"/>
              <a:gd name="connsiteY6" fmla="*/ 10706 h 15283"/>
              <a:gd name="connsiteX7" fmla="*/ 3023 w 9146"/>
              <a:gd name="connsiteY7" fmla="*/ 5353 h 15283"/>
              <a:gd name="connsiteX8" fmla="*/ 0 w 9146"/>
              <a:gd name="connsiteY8" fmla="*/ 5353 h 15283"/>
              <a:gd name="connsiteX9" fmla="*/ 0 w 9146"/>
              <a:gd name="connsiteY9" fmla="*/ 3258 h 15283"/>
              <a:gd name="connsiteX10" fmla="*/ 3023 w 9146"/>
              <a:gd name="connsiteY10" fmla="*/ 3258 h 15283"/>
              <a:gd name="connsiteX11" fmla="*/ 3023 w 9146"/>
              <a:gd name="connsiteY11" fmla="*/ 0 h 15283"/>
              <a:gd name="connsiteX12" fmla="*/ 5426 w 9146"/>
              <a:gd name="connsiteY12" fmla="*/ 0 h 15283"/>
              <a:gd name="connsiteX13" fmla="*/ 5426 w 9146"/>
              <a:gd name="connsiteY13" fmla="*/ 3258 h 15283"/>
              <a:gd name="connsiteX14" fmla="*/ 9147 w 9146"/>
              <a:gd name="connsiteY14" fmla="*/ 3258 h 15283"/>
              <a:gd name="connsiteX15" fmla="*/ 9147 w 9146"/>
              <a:gd name="connsiteY15" fmla="*/ 5353 h 15283"/>
              <a:gd name="connsiteX16" fmla="*/ 5426 w 9146"/>
              <a:gd name="connsiteY16" fmla="*/ 5353 h 15283"/>
              <a:gd name="connsiteX17" fmla="*/ 5426 w 9146"/>
              <a:gd name="connsiteY17" fmla="*/ 10861 h 15283"/>
              <a:gd name="connsiteX18" fmla="*/ 5426 w 9146"/>
              <a:gd name="connsiteY18" fmla="*/ 11714 h 15283"/>
              <a:gd name="connsiteX19" fmla="*/ 5736 w 9146"/>
              <a:gd name="connsiteY19" fmla="*/ 12335 h 15283"/>
              <a:gd name="connsiteX20" fmla="*/ 6434 w 9146"/>
              <a:gd name="connsiteY20" fmla="*/ 12801 h 15283"/>
              <a:gd name="connsiteX21" fmla="*/ 7364 w 9146"/>
              <a:gd name="connsiteY21" fmla="*/ 12956 h 15283"/>
              <a:gd name="connsiteX22" fmla="*/ 7984 w 9146"/>
              <a:gd name="connsiteY22" fmla="*/ 12956 h 15283"/>
              <a:gd name="connsiteX23" fmla="*/ 8604 w 9146"/>
              <a:gd name="connsiteY23" fmla="*/ 12878 h 15283"/>
              <a:gd name="connsiteX24" fmla="*/ 9069 w 9146"/>
              <a:gd name="connsiteY24" fmla="*/ 15050 h 1528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9146" h="15283">
                <a:moveTo>
                  <a:pt x="9147" y="15128"/>
                </a:moveTo>
                <a:cubicBezTo>
                  <a:pt x="9147" y="15128"/>
                  <a:pt x="8604" y="15283"/>
                  <a:pt x="8294" y="15283"/>
                </a:cubicBezTo>
                <a:cubicBezTo>
                  <a:pt x="7984" y="15283"/>
                  <a:pt x="7596" y="15283"/>
                  <a:pt x="7287" y="15283"/>
                </a:cubicBezTo>
                <a:cubicBezTo>
                  <a:pt x="6511" y="15283"/>
                  <a:pt x="5891" y="15205"/>
                  <a:pt x="5349" y="14895"/>
                </a:cubicBezTo>
                <a:cubicBezTo>
                  <a:pt x="4806" y="14662"/>
                  <a:pt x="4341" y="14275"/>
                  <a:pt x="3953" y="13887"/>
                </a:cubicBezTo>
                <a:cubicBezTo>
                  <a:pt x="3643" y="13499"/>
                  <a:pt x="3333" y="13033"/>
                  <a:pt x="3256" y="12490"/>
                </a:cubicBezTo>
                <a:cubicBezTo>
                  <a:pt x="3178" y="11947"/>
                  <a:pt x="3023" y="11404"/>
                  <a:pt x="3023" y="10706"/>
                </a:cubicBezTo>
                <a:lnTo>
                  <a:pt x="3023" y="5353"/>
                </a:lnTo>
                <a:lnTo>
                  <a:pt x="0" y="5353"/>
                </a:lnTo>
                <a:lnTo>
                  <a:pt x="0" y="3258"/>
                </a:lnTo>
                <a:lnTo>
                  <a:pt x="3023" y="3258"/>
                </a:lnTo>
                <a:lnTo>
                  <a:pt x="3023" y="0"/>
                </a:lnTo>
                <a:lnTo>
                  <a:pt x="5426" y="0"/>
                </a:lnTo>
                <a:lnTo>
                  <a:pt x="5426" y="3258"/>
                </a:lnTo>
                <a:lnTo>
                  <a:pt x="9147" y="3258"/>
                </a:lnTo>
                <a:lnTo>
                  <a:pt x="9147" y="5353"/>
                </a:lnTo>
                <a:lnTo>
                  <a:pt x="5426" y="5353"/>
                </a:lnTo>
                <a:lnTo>
                  <a:pt x="5426" y="10861"/>
                </a:lnTo>
                <a:cubicBezTo>
                  <a:pt x="5426" y="10861"/>
                  <a:pt x="5426" y="11482"/>
                  <a:pt x="5426" y="11714"/>
                </a:cubicBezTo>
                <a:cubicBezTo>
                  <a:pt x="5426" y="11947"/>
                  <a:pt x="5581" y="12180"/>
                  <a:pt x="5736" y="12335"/>
                </a:cubicBezTo>
                <a:cubicBezTo>
                  <a:pt x="5891" y="12490"/>
                  <a:pt x="6124" y="12645"/>
                  <a:pt x="6434" y="12801"/>
                </a:cubicBezTo>
                <a:cubicBezTo>
                  <a:pt x="6744" y="12956"/>
                  <a:pt x="7054" y="12956"/>
                  <a:pt x="7364" y="12956"/>
                </a:cubicBezTo>
                <a:cubicBezTo>
                  <a:pt x="7519" y="12956"/>
                  <a:pt x="7752" y="12956"/>
                  <a:pt x="7984" y="12956"/>
                </a:cubicBezTo>
                <a:cubicBezTo>
                  <a:pt x="8217" y="12956"/>
                  <a:pt x="8449" y="12956"/>
                  <a:pt x="8604" y="12878"/>
                </a:cubicBezTo>
                <a:lnTo>
                  <a:pt x="9069" y="15050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95" name="Kombinationstegning 94">
            <a:extLst>
              <a:ext uri="{FF2B5EF4-FFF2-40B4-BE49-F238E27FC236}">
                <a16:creationId xmlns:a16="http://schemas.microsoft.com/office/drawing/2014/main" id="{2F3C23C9-199B-A0FD-F3AA-3E3618E180E8}"/>
              </a:ext>
            </a:extLst>
          </p:cNvPr>
          <p:cNvSpPr/>
          <p:nvPr/>
        </p:nvSpPr>
        <p:spPr>
          <a:xfrm>
            <a:off x="18831751" y="15807530"/>
            <a:ext cx="32161" cy="34949"/>
          </a:xfrm>
          <a:custGeom>
            <a:avLst/>
            <a:gdLst>
              <a:gd name="connsiteX0" fmla="*/ 5814 w 11239"/>
              <a:gd name="connsiteY0" fmla="*/ 2017 h 12257"/>
              <a:gd name="connsiteX1" fmla="*/ 3721 w 11239"/>
              <a:gd name="connsiteY1" fmla="*/ 2715 h 12257"/>
              <a:gd name="connsiteX2" fmla="*/ 2480 w 11239"/>
              <a:gd name="connsiteY2" fmla="*/ 4577 h 12257"/>
              <a:gd name="connsiteX3" fmla="*/ 8914 w 11239"/>
              <a:gd name="connsiteY3" fmla="*/ 4577 h 12257"/>
              <a:gd name="connsiteX4" fmla="*/ 8449 w 11239"/>
              <a:gd name="connsiteY4" fmla="*/ 3569 h 12257"/>
              <a:gd name="connsiteX5" fmla="*/ 7752 w 11239"/>
              <a:gd name="connsiteY5" fmla="*/ 2715 h 12257"/>
              <a:gd name="connsiteX6" fmla="*/ 6821 w 11239"/>
              <a:gd name="connsiteY6" fmla="*/ 2172 h 12257"/>
              <a:gd name="connsiteX7" fmla="*/ 5814 w 11239"/>
              <a:gd name="connsiteY7" fmla="*/ 2017 h 12257"/>
              <a:gd name="connsiteX8" fmla="*/ 2325 w 11239"/>
              <a:gd name="connsiteY8" fmla="*/ 6594 h 12257"/>
              <a:gd name="connsiteX9" fmla="*/ 2713 w 11239"/>
              <a:gd name="connsiteY9" fmla="*/ 7991 h 12257"/>
              <a:gd name="connsiteX10" fmla="*/ 3488 w 11239"/>
              <a:gd name="connsiteY10" fmla="*/ 9077 h 12257"/>
              <a:gd name="connsiteX11" fmla="*/ 4651 w 11239"/>
              <a:gd name="connsiteY11" fmla="*/ 9852 h 12257"/>
              <a:gd name="connsiteX12" fmla="*/ 6124 w 11239"/>
              <a:gd name="connsiteY12" fmla="*/ 10163 h 12257"/>
              <a:gd name="connsiteX13" fmla="*/ 8217 w 11239"/>
              <a:gd name="connsiteY13" fmla="*/ 9620 h 12257"/>
              <a:gd name="connsiteX14" fmla="*/ 9534 w 11239"/>
              <a:gd name="connsiteY14" fmla="*/ 8534 h 12257"/>
              <a:gd name="connsiteX15" fmla="*/ 11085 w 11239"/>
              <a:gd name="connsiteY15" fmla="*/ 10008 h 12257"/>
              <a:gd name="connsiteX16" fmla="*/ 9147 w 11239"/>
              <a:gd name="connsiteY16" fmla="*/ 11559 h 12257"/>
              <a:gd name="connsiteX17" fmla="*/ 6124 w 11239"/>
              <a:gd name="connsiteY17" fmla="*/ 12257 h 12257"/>
              <a:gd name="connsiteX18" fmla="*/ 3721 w 11239"/>
              <a:gd name="connsiteY18" fmla="*/ 11792 h 12257"/>
              <a:gd name="connsiteX19" fmla="*/ 1783 w 11239"/>
              <a:gd name="connsiteY19" fmla="*/ 10551 h 12257"/>
              <a:gd name="connsiteX20" fmla="*/ 465 w 11239"/>
              <a:gd name="connsiteY20" fmla="*/ 8611 h 12257"/>
              <a:gd name="connsiteX21" fmla="*/ 0 w 11239"/>
              <a:gd name="connsiteY21" fmla="*/ 6129 h 12257"/>
              <a:gd name="connsiteX22" fmla="*/ 387 w 11239"/>
              <a:gd name="connsiteY22" fmla="*/ 3646 h 12257"/>
              <a:gd name="connsiteX23" fmla="*/ 1550 w 11239"/>
              <a:gd name="connsiteY23" fmla="*/ 1707 h 12257"/>
              <a:gd name="connsiteX24" fmla="*/ 3333 w 11239"/>
              <a:gd name="connsiteY24" fmla="*/ 465 h 12257"/>
              <a:gd name="connsiteX25" fmla="*/ 5659 w 11239"/>
              <a:gd name="connsiteY25" fmla="*/ 0 h 12257"/>
              <a:gd name="connsiteX26" fmla="*/ 7906 w 11239"/>
              <a:gd name="connsiteY26" fmla="*/ 465 h 12257"/>
              <a:gd name="connsiteX27" fmla="*/ 9690 w 11239"/>
              <a:gd name="connsiteY27" fmla="*/ 1784 h 12257"/>
              <a:gd name="connsiteX28" fmla="*/ 10852 w 11239"/>
              <a:gd name="connsiteY28" fmla="*/ 3724 h 12257"/>
              <a:gd name="connsiteX29" fmla="*/ 11239 w 11239"/>
              <a:gd name="connsiteY29" fmla="*/ 6129 h 12257"/>
              <a:gd name="connsiteX30" fmla="*/ 11239 w 11239"/>
              <a:gd name="connsiteY30" fmla="*/ 6361 h 12257"/>
              <a:gd name="connsiteX31" fmla="*/ 11239 w 11239"/>
              <a:gd name="connsiteY31" fmla="*/ 6672 h 12257"/>
              <a:gd name="connsiteX32" fmla="*/ 2170 w 11239"/>
              <a:gd name="connsiteY32" fmla="*/ 6672 h 1225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11239" h="12257">
                <a:moveTo>
                  <a:pt x="5814" y="2017"/>
                </a:moveTo>
                <a:cubicBezTo>
                  <a:pt x="5038" y="2017"/>
                  <a:pt x="4341" y="2250"/>
                  <a:pt x="3721" y="2715"/>
                </a:cubicBezTo>
                <a:cubicBezTo>
                  <a:pt x="3100" y="3181"/>
                  <a:pt x="2713" y="3801"/>
                  <a:pt x="2480" y="4577"/>
                </a:cubicBezTo>
                <a:lnTo>
                  <a:pt x="8914" y="4577"/>
                </a:lnTo>
                <a:cubicBezTo>
                  <a:pt x="8914" y="4577"/>
                  <a:pt x="8682" y="3879"/>
                  <a:pt x="8449" y="3569"/>
                </a:cubicBezTo>
                <a:cubicBezTo>
                  <a:pt x="8217" y="3258"/>
                  <a:pt x="7984" y="2948"/>
                  <a:pt x="7752" y="2715"/>
                </a:cubicBezTo>
                <a:cubicBezTo>
                  <a:pt x="7441" y="2482"/>
                  <a:pt x="7131" y="2327"/>
                  <a:pt x="6821" y="2172"/>
                </a:cubicBezTo>
                <a:cubicBezTo>
                  <a:pt x="6511" y="2017"/>
                  <a:pt x="6124" y="2017"/>
                  <a:pt x="5814" y="2017"/>
                </a:cubicBezTo>
                <a:moveTo>
                  <a:pt x="2325" y="6594"/>
                </a:moveTo>
                <a:cubicBezTo>
                  <a:pt x="2325" y="7060"/>
                  <a:pt x="2480" y="7525"/>
                  <a:pt x="2713" y="7991"/>
                </a:cubicBezTo>
                <a:cubicBezTo>
                  <a:pt x="2945" y="8378"/>
                  <a:pt x="3178" y="8766"/>
                  <a:pt x="3488" y="9077"/>
                </a:cubicBezTo>
                <a:cubicBezTo>
                  <a:pt x="3798" y="9387"/>
                  <a:pt x="4186" y="9697"/>
                  <a:pt x="4651" y="9852"/>
                </a:cubicBezTo>
                <a:cubicBezTo>
                  <a:pt x="5116" y="10008"/>
                  <a:pt x="5581" y="10163"/>
                  <a:pt x="6124" y="10163"/>
                </a:cubicBezTo>
                <a:cubicBezTo>
                  <a:pt x="6976" y="10163"/>
                  <a:pt x="7674" y="10008"/>
                  <a:pt x="8217" y="9620"/>
                </a:cubicBezTo>
                <a:cubicBezTo>
                  <a:pt x="8759" y="9309"/>
                  <a:pt x="9147" y="8922"/>
                  <a:pt x="9534" y="8534"/>
                </a:cubicBezTo>
                <a:lnTo>
                  <a:pt x="11085" y="10008"/>
                </a:lnTo>
                <a:cubicBezTo>
                  <a:pt x="10620" y="10551"/>
                  <a:pt x="9999" y="11094"/>
                  <a:pt x="9147" y="11559"/>
                </a:cubicBezTo>
                <a:cubicBezTo>
                  <a:pt x="8294" y="12025"/>
                  <a:pt x="7286" y="12257"/>
                  <a:pt x="6124" y="12257"/>
                </a:cubicBezTo>
                <a:cubicBezTo>
                  <a:pt x="5271" y="12257"/>
                  <a:pt x="4496" y="12102"/>
                  <a:pt x="3721" y="11792"/>
                </a:cubicBezTo>
                <a:cubicBezTo>
                  <a:pt x="2945" y="11482"/>
                  <a:pt x="2325" y="11094"/>
                  <a:pt x="1783" y="10551"/>
                </a:cubicBezTo>
                <a:cubicBezTo>
                  <a:pt x="1240" y="10008"/>
                  <a:pt x="775" y="9387"/>
                  <a:pt x="465" y="8611"/>
                </a:cubicBezTo>
                <a:cubicBezTo>
                  <a:pt x="155" y="7835"/>
                  <a:pt x="0" y="7060"/>
                  <a:pt x="0" y="6129"/>
                </a:cubicBezTo>
                <a:cubicBezTo>
                  <a:pt x="0" y="5198"/>
                  <a:pt x="155" y="4422"/>
                  <a:pt x="387" y="3646"/>
                </a:cubicBezTo>
                <a:cubicBezTo>
                  <a:pt x="697" y="2870"/>
                  <a:pt x="1085" y="2250"/>
                  <a:pt x="1550" y="1707"/>
                </a:cubicBezTo>
                <a:cubicBezTo>
                  <a:pt x="2093" y="1164"/>
                  <a:pt x="2635" y="776"/>
                  <a:pt x="3333" y="465"/>
                </a:cubicBezTo>
                <a:cubicBezTo>
                  <a:pt x="4031" y="155"/>
                  <a:pt x="4806" y="0"/>
                  <a:pt x="5659" y="0"/>
                </a:cubicBezTo>
                <a:cubicBezTo>
                  <a:pt x="6511" y="0"/>
                  <a:pt x="7209" y="155"/>
                  <a:pt x="7906" y="465"/>
                </a:cubicBezTo>
                <a:cubicBezTo>
                  <a:pt x="8604" y="776"/>
                  <a:pt x="9224" y="1241"/>
                  <a:pt x="9690" y="1784"/>
                </a:cubicBezTo>
                <a:cubicBezTo>
                  <a:pt x="10155" y="2327"/>
                  <a:pt x="10542" y="2948"/>
                  <a:pt x="10852" y="3724"/>
                </a:cubicBezTo>
                <a:cubicBezTo>
                  <a:pt x="11162" y="4499"/>
                  <a:pt x="11239" y="5275"/>
                  <a:pt x="11239" y="6129"/>
                </a:cubicBezTo>
                <a:lnTo>
                  <a:pt x="11239" y="6361"/>
                </a:lnTo>
                <a:cubicBezTo>
                  <a:pt x="11239" y="6361"/>
                  <a:pt x="11239" y="6517"/>
                  <a:pt x="11239" y="6672"/>
                </a:cubicBezTo>
                <a:lnTo>
                  <a:pt x="2170" y="6672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96" name="Kombinationstegning 95">
            <a:extLst>
              <a:ext uri="{FF2B5EF4-FFF2-40B4-BE49-F238E27FC236}">
                <a16:creationId xmlns:a16="http://schemas.microsoft.com/office/drawing/2014/main" id="{F6D3EBB0-0403-BDD9-CF13-1650077FE9FD}"/>
              </a:ext>
            </a:extLst>
          </p:cNvPr>
          <p:cNvSpPr/>
          <p:nvPr/>
        </p:nvSpPr>
        <p:spPr>
          <a:xfrm>
            <a:off x="18871899" y="15798463"/>
            <a:ext cx="26172" cy="43577"/>
          </a:xfrm>
          <a:custGeom>
            <a:avLst/>
            <a:gdLst>
              <a:gd name="connsiteX0" fmla="*/ 9147 w 9146"/>
              <a:gd name="connsiteY0" fmla="*/ 15128 h 15283"/>
              <a:gd name="connsiteX1" fmla="*/ 8294 w 9146"/>
              <a:gd name="connsiteY1" fmla="*/ 15283 h 15283"/>
              <a:gd name="connsiteX2" fmla="*/ 7287 w 9146"/>
              <a:gd name="connsiteY2" fmla="*/ 15283 h 15283"/>
              <a:gd name="connsiteX3" fmla="*/ 5349 w 9146"/>
              <a:gd name="connsiteY3" fmla="*/ 14895 h 15283"/>
              <a:gd name="connsiteX4" fmla="*/ 3953 w 9146"/>
              <a:gd name="connsiteY4" fmla="*/ 13887 h 15283"/>
              <a:gd name="connsiteX5" fmla="*/ 3256 w 9146"/>
              <a:gd name="connsiteY5" fmla="*/ 12490 h 15283"/>
              <a:gd name="connsiteX6" fmla="*/ 3023 w 9146"/>
              <a:gd name="connsiteY6" fmla="*/ 10706 h 15283"/>
              <a:gd name="connsiteX7" fmla="*/ 3023 w 9146"/>
              <a:gd name="connsiteY7" fmla="*/ 5353 h 15283"/>
              <a:gd name="connsiteX8" fmla="*/ 0 w 9146"/>
              <a:gd name="connsiteY8" fmla="*/ 5353 h 15283"/>
              <a:gd name="connsiteX9" fmla="*/ 0 w 9146"/>
              <a:gd name="connsiteY9" fmla="*/ 3258 h 15283"/>
              <a:gd name="connsiteX10" fmla="*/ 3023 w 9146"/>
              <a:gd name="connsiteY10" fmla="*/ 3258 h 15283"/>
              <a:gd name="connsiteX11" fmla="*/ 3023 w 9146"/>
              <a:gd name="connsiteY11" fmla="*/ 0 h 15283"/>
              <a:gd name="connsiteX12" fmla="*/ 5426 w 9146"/>
              <a:gd name="connsiteY12" fmla="*/ 0 h 15283"/>
              <a:gd name="connsiteX13" fmla="*/ 5426 w 9146"/>
              <a:gd name="connsiteY13" fmla="*/ 3258 h 15283"/>
              <a:gd name="connsiteX14" fmla="*/ 9147 w 9146"/>
              <a:gd name="connsiteY14" fmla="*/ 3258 h 15283"/>
              <a:gd name="connsiteX15" fmla="*/ 9147 w 9146"/>
              <a:gd name="connsiteY15" fmla="*/ 5353 h 15283"/>
              <a:gd name="connsiteX16" fmla="*/ 5426 w 9146"/>
              <a:gd name="connsiteY16" fmla="*/ 5353 h 15283"/>
              <a:gd name="connsiteX17" fmla="*/ 5426 w 9146"/>
              <a:gd name="connsiteY17" fmla="*/ 10861 h 15283"/>
              <a:gd name="connsiteX18" fmla="*/ 5426 w 9146"/>
              <a:gd name="connsiteY18" fmla="*/ 11714 h 15283"/>
              <a:gd name="connsiteX19" fmla="*/ 5736 w 9146"/>
              <a:gd name="connsiteY19" fmla="*/ 12335 h 15283"/>
              <a:gd name="connsiteX20" fmla="*/ 6434 w 9146"/>
              <a:gd name="connsiteY20" fmla="*/ 12801 h 15283"/>
              <a:gd name="connsiteX21" fmla="*/ 7364 w 9146"/>
              <a:gd name="connsiteY21" fmla="*/ 12956 h 15283"/>
              <a:gd name="connsiteX22" fmla="*/ 7984 w 9146"/>
              <a:gd name="connsiteY22" fmla="*/ 12956 h 15283"/>
              <a:gd name="connsiteX23" fmla="*/ 8604 w 9146"/>
              <a:gd name="connsiteY23" fmla="*/ 12878 h 15283"/>
              <a:gd name="connsiteX24" fmla="*/ 9069 w 9146"/>
              <a:gd name="connsiteY24" fmla="*/ 15050 h 1528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9146" h="15283">
                <a:moveTo>
                  <a:pt x="9147" y="15128"/>
                </a:moveTo>
                <a:cubicBezTo>
                  <a:pt x="9147" y="15128"/>
                  <a:pt x="8604" y="15283"/>
                  <a:pt x="8294" y="15283"/>
                </a:cubicBezTo>
                <a:cubicBezTo>
                  <a:pt x="7984" y="15283"/>
                  <a:pt x="7596" y="15283"/>
                  <a:pt x="7287" y="15283"/>
                </a:cubicBezTo>
                <a:cubicBezTo>
                  <a:pt x="6511" y="15283"/>
                  <a:pt x="5891" y="15205"/>
                  <a:pt x="5349" y="14895"/>
                </a:cubicBezTo>
                <a:cubicBezTo>
                  <a:pt x="4806" y="14662"/>
                  <a:pt x="4341" y="14275"/>
                  <a:pt x="3953" y="13887"/>
                </a:cubicBezTo>
                <a:cubicBezTo>
                  <a:pt x="3643" y="13499"/>
                  <a:pt x="3333" y="13033"/>
                  <a:pt x="3256" y="12490"/>
                </a:cubicBezTo>
                <a:cubicBezTo>
                  <a:pt x="3178" y="11947"/>
                  <a:pt x="3023" y="11404"/>
                  <a:pt x="3023" y="10706"/>
                </a:cubicBezTo>
                <a:lnTo>
                  <a:pt x="3023" y="5353"/>
                </a:lnTo>
                <a:lnTo>
                  <a:pt x="0" y="5353"/>
                </a:lnTo>
                <a:lnTo>
                  <a:pt x="0" y="3258"/>
                </a:lnTo>
                <a:lnTo>
                  <a:pt x="3023" y="3258"/>
                </a:lnTo>
                <a:lnTo>
                  <a:pt x="3023" y="0"/>
                </a:lnTo>
                <a:lnTo>
                  <a:pt x="5426" y="0"/>
                </a:lnTo>
                <a:lnTo>
                  <a:pt x="5426" y="3258"/>
                </a:lnTo>
                <a:lnTo>
                  <a:pt x="9147" y="3258"/>
                </a:lnTo>
                <a:lnTo>
                  <a:pt x="9147" y="5353"/>
                </a:lnTo>
                <a:lnTo>
                  <a:pt x="5426" y="5353"/>
                </a:lnTo>
                <a:lnTo>
                  <a:pt x="5426" y="10861"/>
                </a:lnTo>
                <a:cubicBezTo>
                  <a:pt x="5426" y="10861"/>
                  <a:pt x="5426" y="11482"/>
                  <a:pt x="5426" y="11714"/>
                </a:cubicBezTo>
                <a:cubicBezTo>
                  <a:pt x="5426" y="11947"/>
                  <a:pt x="5581" y="12180"/>
                  <a:pt x="5736" y="12335"/>
                </a:cubicBezTo>
                <a:cubicBezTo>
                  <a:pt x="5891" y="12490"/>
                  <a:pt x="6124" y="12645"/>
                  <a:pt x="6434" y="12801"/>
                </a:cubicBezTo>
                <a:cubicBezTo>
                  <a:pt x="6744" y="12956"/>
                  <a:pt x="7054" y="12956"/>
                  <a:pt x="7364" y="12956"/>
                </a:cubicBezTo>
                <a:cubicBezTo>
                  <a:pt x="7519" y="12956"/>
                  <a:pt x="7752" y="12956"/>
                  <a:pt x="7984" y="12956"/>
                </a:cubicBezTo>
                <a:cubicBezTo>
                  <a:pt x="8217" y="12956"/>
                  <a:pt x="8449" y="12956"/>
                  <a:pt x="8604" y="12878"/>
                </a:cubicBezTo>
                <a:lnTo>
                  <a:pt x="9069" y="15050"/>
                </a:lnTo>
                <a:close/>
              </a:path>
            </a:pathLst>
          </a:custGeom>
          <a:solidFill>
            <a:srgbClr val="FFFFFF"/>
          </a:solidFill>
          <a:ln w="7748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112" name="Kombinationstegning 111">
            <a:extLst>
              <a:ext uri="{FF2B5EF4-FFF2-40B4-BE49-F238E27FC236}">
                <a16:creationId xmlns:a16="http://schemas.microsoft.com/office/drawing/2014/main" id="{85CA572B-0E16-E3B4-17A8-28E0037122C1}"/>
              </a:ext>
            </a:extLst>
          </p:cNvPr>
          <p:cNvSpPr/>
          <p:nvPr/>
        </p:nvSpPr>
        <p:spPr>
          <a:xfrm>
            <a:off x="6265057" y="5361472"/>
            <a:ext cx="27340264" cy="19552268"/>
          </a:xfrm>
          <a:custGeom>
            <a:avLst/>
            <a:gdLst>
              <a:gd name="connsiteX0" fmla="*/ 9391484 w 9554268"/>
              <a:gd name="connsiteY0" fmla="*/ 6740778 h 6857146"/>
              <a:gd name="connsiteX1" fmla="*/ 9391484 w 9554268"/>
              <a:gd name="connsiteY1" fmla="*/ 6857147 h 6857146"/>
              <a:gd name="connsiteX2" fmla="*/ 9391484 w 9554268"/>
              <a:gd name="connsiteY2" fmla="*/ 116369 h 6857146"/>
              <a:gd name="connsiteX3" fmla="*/ 9391484 w 9554268"/>
              <a:gd name="connsiteY3" fmla="*/ 0 h 6857146"/>
              <a:gd name="connsiteX4" fmla="*/ 162784 w 9554268"/>
              <a:gd name="connsiteY4" fmla="*/ 6740778 h 6857146"/>
              <a:gd name="connsiteX5" fmla="*/ 162784 w 9554268"/>
              <a:gd name="connsiteY5" fmla="*/ 6857147 h 6857146"/>
              <a:gd name="connsiteX6" fmla="*/ 162784 w 9554268"/>
              <a:gd name="connsiteY6" fmla="*/ 116369 h 6857146"/>
              <a:gd name="connsiteX7" fmla="*/ 162784 w 9554268"/>
              <a:gd name="connsiteY7" fmla="*/ 0 h 6857146"/>
              <a:gd name="connsiteX8" fmla="*/ 9437994 w 9554268"/>
              <a:gd name="connsiteY8" fmla="*/ 6694231 h 6857146"/>
              <a:gd name="connsiteX9" fmla="*/ 9554268 w 9554268"/>
              <a:gd name="connsiteY9" fmla="*/ 6694231 h 6857146"/>
              <a:gd name="connsiteX10" fmla="*/ 116274 w 9554268"/>
              <a:gd name="connsiteY10" fmla="*/ 6694231 h 6857146"/>
              <a:gd name="connsiteX11" fmla="*/ 0 w 9554268"/>
              <a:gd name="connsiteY11" fmla="*/ 6694231 h 6857146"/>
              <a:gd name="connsiteX12" fmla="*/ 9437994 w 9554268"/>
              <a:gd name="connsiteY12" fmla="*/ 162916 h 6857146"/>
              <a:gd name="connsiteX13" fmla="*/ 9554268 w 9554268"/>
              <a:gd name="connsiteY13" fmla="*/ 162916 h 6857146"/>
              <a:gd name="connsiteX14" fmla="*/ 116274 w 9554268"/>
              <a:gd name="connsiteY14" fmla="*/ 162916 h 6857146"/>
              <a:gd name="connsiteX15" fmla="*/ 0 w 9554268"/>
              <a:gd name="connsiteY15" fmla="*/ 162916 h 68571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9554268" h="6857146">
                <a:moveTo>
                  <a:pt x="9391484" y="6740778"/>
                </a:moveTo>
                <a:lnTo>
                  <a:pt x="9391484" y="6857147"/>
                </a:lnTo>
                <a:moveTo>
                  <a:pt x="9391484" y="116369"/>
                </a:moveTo>
                <a:lnTo>
                  <a:pt x="9391484" y="0"/>
                </a:lnTo>
                <a:moveTo>
                  <a:pt x="162784" y="6740778"/>
                </a:moveTo>
                <a:lnTo>
                  <a:pt x="162784" y="6857147"/>
                </a:lnTo>
                <a:moveTo>
                  <a:pt x="162784" y="116369"/>
                </a:moveTo>
                <a:lnTo>
                  <a:pt x="162784" y="0"/>
                </a:lnTo>
                <a:moveTo>
                  <a:pt x="9437994" y="6694231"/>
                </a:moveTo>
                <a:lnTo>
                  <a:pt x="9554268" y="6694231"/>
                </a:lnTo>
                <a:moveTo>
                  <a:pt x="116274" y="6694231"/>
                </a:moveTo>
                <a:lnTo>
                  <a:pt x="0" y="6694231"/>
                </a:lnTo>
                <a:moveTo>
                  <a:pt x="9437994" y="162916"/>
                </a:moveTo>
                <a:lnTo>
                  <a:pt x="9554268" y="162916"/>
                </a:lnTo>
                <a:moveTo>
                  <a:pt x="116274" y="162916"/>
                </a:moveTo>
                <a:lnTo>
                  <a:pt x="0" y="162916"/>
                </a:lnTo>
              </a:path>
            </a:pathLst>
          </a:custGeom>
          <a:noFill/>
          <a:ln w="9685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6" name="Kombinationstegning 5">
            <a:extLst>
              <a:ext uri="{FF2B5EF4-FFF2-40B4-BE49-F238E27FC236}">
                <a16:creationId xmlns:a16="http://schemas.microsoft.com/office/drawing/2014/main" id="{9777CE00-D28A-AC74-F286-50F6EFEF3A57}"/>
              </a:ext>
            </a:extLst>
          </p:cNvPr>
          <p:cNvSpPr/>
          <p:nvPr/>
        </p:nvSpPr>
        <p:spPr>
          <a:xfrm>
            <a:off x="23774011" y="9538801"/>
            <a:ext cx="2040956" cy="1634963"/>
          </a:xfrm>
          <a:custGeom>
            <a:avLst/>
            <a:gdLst>
              <a:gd name="connsiteX0" fmla="*/ 0 w 322312"/>
              <a:gd name="connsiteY0" fmla="*/ 898134 h 898134"/>
              <a:gd name="connsiteX1" fmla="*/ 0 w 322312"/>
              <a:gd name="connsiteY1" fmla="*/ 0 h 898134"/>
              <a:gd name="connsiteX2" fmla="*/ 322312 w 322312"/>
              <a:gd name="connsiteY2" fmla="*/ 0 h 8981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22312" h="898134">
                <a:moveTo>
                  <a:pt x="0" y="898134"/>
                </a:moveTo>
                <a:lnTo>
                  <a:pt x="0" y="0"/>
                </a:lnTo>
                <a:lnTo>
                  <a:pt x="322312" y="0"/>
                </a:lnTo>
              </a:path>
            </a:pathLst>
          </a:custGeom>
          <a:noFill/>
          <a:ln w="38100" cap="flat">
            <a:solidFill>
              <a:srgbClr val="1D1D1B"/>
            </a:solidFill>
            <a:prstDash val="solid"/>
            <a:miter/>
            <a:head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7" name="Kombinationstegning 6">
            <a:extLst>
              <a:ext uri="{FF2B5EF4-FFF2-40B4-BE49-F238E27FC236}">
                <a16:creationId xmlns:a16="http://schemas.microsoft.com/office/drawing/2014/main" id="{23DDE03A-2BE6-822B-8D7F-9517A830FDB7}"/>
              </a:ext>
            </a:extLst>
          </p:cNvPr>
          <p:cNvSpPr/>
          <p:nvPr/>
        </p:nvSpPr>
        <p:spPr>
          <a:xfrm rot="10800000">
            <a:off x="24094354" y="18871912"/>
            <a:ext cx="1341115" cy="22118"/>
          </a:xfrm>
          <a:custGeom>
            <a:avLst/>
            <a:gdLst>
              <a:gd name="connsiteX0" fmla="*/ 0 w 468663"/>
              <a:gd name="connsiteY0" fmla="*/ 0 h 7757"/>
              <a:gd name="connsiteX1" fmla="*/ 468664 w 468663"/>
              <a:gd name="connsiteY1" fmla="*/ 0 h 775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468663" h="7757">
                <a:moveTo>
                  <a:pt x="0" y="0"/>
                </a:moveTo>
                <a:lnTo>
                  <a:pt x="468664" y="0"/>
                </a:lnTo>
              </a:path>
            </a:pathLst>
          </a:custGeom>
          <a:ln w="38100" cap="flat">
            <a:solidFill>
              <a:srgbClr val="1D1D1B"/>
            </a:solidFill>
            <a:prstDash val="solid"/>
            <a:miter/>
            <a:tail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8" name="Kombinationstegning 7">
            <a:extLst>
              <a:ext uri="{FF2B5EF4-FFF2-40B4-BE49-F238E27FC236}">
                <a16:creationId xmlns:a16="http://schemas.microsoft.com/office/drawing/2014/main" id="{927D13D0-2791-8CD7-E3E8-17D070457AFF}"/>
              </a:ext>
            </a:extLst>
          </p:cNvPr>
          <p:cNvSpPr/>
          <p:nvPr/>
        </p:nvSpPr>
        <p:spPr>
          <a:xfrm flipV="1">
            <a:off x="21258884" y="20428986"/>
            <a:ext cx="1386457" cy="814935"/>
          </a:xfrm>
          <a:custGeom>
            <a:avLst/>
            <a:gdLst>
              <a:gd name="connsiteX0" fmla="*/ 0 w 322312"/>
              <a:gd name="connsiteY0" fmla="*/ 898134 h 898134"/>
              <a:gd name="connsiteX1" fmla="*/ 0 w 322312"/>
              <a:gd name="connsiteY1" fmla="*/ 0 h 898134"/>
              <a:gd name="connsiteX2" fmla="*/ 322312 w 322312"/>
              <a:gd name="connsiteY2" fmla="*/ 0 h 8981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22312" h="898134">
                <a:moveTo>
                  <a:pt x="0" y="898134"/>
                </a:moveTo>
                <a:lnTo>
                  <a:pt x="0" y="0"/>
                </a:lnTo>
                <a:lnTo>
                  <a:pt x="322312" y="0"/>
                </a:lnTo>
              </a:path>
            </a:pathLst>
          </a:custGeom>
          <a:noFill/>
          <a:ln w="38100" cap="flat">
            <a:solidFill>
              <a:srgbClr val="1D1D1B"/>
            </a:solidFill>
            <a:prstDash val="solid"/>
            <a:miter/>
            <a:head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9" name="Kombinationstegning 8">
            <a:extLst>
              <a:ext uri="{FF2B5EF4-FFF2-40B4-BE49-F238E27FC236}">
                <a16:creationId xmlns:a16="http://schemas.microsoft.com/office/drawing/2014/main" id="{E3EE54DF-B2A4-0D72-3A8A-D0712BD5AB35}"/>
              </a:ext>
            </a:extLst>
          </p:cNvPr>
          <p:cNvSpPr/>
          <p:nvPr/>
        </p:nvSpPr>
        <p:spPr>
          <a:xfrm flipH="1" flipV="1">
            <a:off x="17401010" y="20459662"/>
            <a:ext cx="1090329" cy="904182"/>
          </a:xfrm>
          <a:custGeom>
            <a:avLst/>
            <a:gdLst>
              <a:gd name="connsiteX0" fmla="*/ 0 w 322312"/>
              <a:gd name="connsiteY0" fmla="*/ 898134 h 898134"/>
              <a:gd name="connsiteX1" fmla="*/ 0 w 322312"/>
              <a:gd name="connsiteY1" fmla="*/ 0 h 898134"/>
              <a:gd name="connsiteX2" fmla="*/ 322312 w 322312"/>
              <a:gd name="connsiteY2" fmla="*/ 0 h 8981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22312" h="898134">
                <a:moveTo>
                  <a:pt x="0" y="898134"/>
                </a:moveTo>
                <a:lnTo>
                  <a:pt x="0" y="0"/>
                </a:lnTo>
                <a:lnTo>
                  <a:pt x="322312" y="0"/>
                </a:lnTo>
              </a:path>
            </a:pathLst>
          </a:custGeom>
          <a:noFill/>
          <a:ln w="38100" cap="flat">
            <a:solidFill>
              <a:srgbClr val="1D1D1B"/>
            </a:solidFill>
            <a:prstDash val="solid"/>
            <a:miter/>
            <a:head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13" name="Kombinationstegning 12">
            <a:extLst>
              <a:ext uri="{FF2B5EF4-FFF2-40B4-BE49-F238E27FC236}">
                <a16:creationId xmlns:a16="http://schemas.microsoft.com/office/drawing/2014/main" id="{ED004F2D-D97C-75BA-062E-51462A37C59E}"/>
              </a:ext>
            </a:extLst>
          </p:cNvPr>
          <p:cNvSpPr/>
          <p:nvPr/>
        </p:nvSpPr>
        <p:spPr>
          <a:xfrm rot="10800000" flipV="1">
            <a:off x="11458953" y="16279959"/>
            <a:ext cx="3027077" cy="148556"/>
          </a:xfrm>
          <a:custGeom>
            <a:avLst/>
            <a:gdLst>
              <a:gd name="connsiteX0" fmla="*/ 0 w 468663"/>
              <a:gd name="connsiteY0" fmla="*/ 0 h 7757"/>
              <a:gd name="connsiteX1" fmla="*/ 468664 w 468663"/>
              <a:gd name="connsiteY1" fmla="*/ 0 h 775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468663" h="7757">
                <a:moveTo>
                  <a:pt x="0" y="0"/>
                </a:moveTo>
                <a:lnTo>
                  <a:pt x="468664" y="0"/>
                </a:lnTo>
              </a:path>
            </a:pathLst>
          </a:custGeom>
          <a:ln w="38100" cap="flat">
            <a:solidFill>
              <a:srgbClr val="1D1D1B"/>
            </a:solidFill>
            <a:prstDash val="solid"/>
            <a:miter/>
            <a:tail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15" name="Kombinationstegning 14">
            <a:extLst>
              <a:ext uri="{FF2B5EF4-FFF2-40B4-BE49-F238E27FC236}">
                <a16:creationId xmlns:a16="http://schemas.microsoft.com/office/drawing/2014/main" id="{C5DD1B10-7D47-B904-7E0E-E7F5425A0BC2}"/>
              </a:ext>
            </a:extLst>
          </p:cNvPr>
          <p:cNvSpPr/>
          <p:nvPr/>
        </p:nvSpPr>
        <p:spPr>
          <a:xfrm flipH="1" flipV="1">
            <a:off x="14360535" y="18945655"/>
            <a:ext cx="1582475" cy="584775"/>
          </a:xfrm>
          <a:custGeom>
            <a:avLst/>
            <a:gdLst>
              <a:gd name="connsiteX0" fmla="*/ 0 w 322312"/>
              <a:gd name="connsiteY0" fmla="*/ 898134 h 898134"/>
              <a:gd name="connsiteX1" fmla="*/ 0 w 322312"/>
              <a:gd name="connsiteY1" fmla="*/ 0 h 898134"/>
              <a:gd name="connsiteX2" fmla="*/ 322312 w 322312"/>
              <a:gd name="connsiteY2" fmla="*/ 0 h 8981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22312" h="898134">
                <a:moveTo>
                  <a:pt x="0" y="898134"/>
                </a:moveTo>
                <a:lnTo>
                  <a:pt x="0" y="0"/>
                </a:lnTo>
                <a:lnTo>
                  <a:pt x="322312" y="0"/>
                </a:lnTo>
              </a:path>
            </a:pathLst>
          </a:custGeom>
          <a:noFill/>
          <a:ln w="38100" cap="flat">
            <a:solidFill>
              <a:srgbClr val="1D1D1B"/>
            </a:solidFill>
            <a:prstDash val="solid"/>
            <a:miter/>
            <a:head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18" name="Kombinationstegning 17">
            <a:extLst>
              <a:ext uri="{FF2B5EF4-FFF2-40B4-BE49-F238E27FC236}">
                <a16:creationId xmlns:a16="http://schemas.microsoft.com/office/drawing/2014/main" id="{F965C72C-BEE9-92B2-C32C-6137CC9DBC25}"/>
              </a:ext>
            </a:extLst>
          </p:cNvPr>
          <p:cNvSpPr/>
          <p:nvPr/>
        </p:nvSpPr>
        <p:spPr>
          <a:xfrm flipH="1">
            <a:off x="14511931" y="9538801"/>
            <a:ext cx="1519137" cy="1683237"/>
          </a:xfrm>
          <a:custGeom>
            <a:avLst/>
            <a:gdLst>
              <a:gd name="connsiteX0" fmla="*/ 0 w 322312"/>
              <a:gd name="connsiteY0" fmla="*/ 898134 h 898134"/>
              <a:gd name="connsiteX1" fmla="*/ 0 w 322312"/>
              <a:gd name="connsiteY1" fmla="*/ 0 h 898134"/>
              <a:gd name="connsiteX2" fmla="*/ 322312 w 322312"/>
              <a:gd name="connsiteY2" fmla="*/ 0 h 8981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22312" h="898134">
                <a:moveTo>
                  <a:pt x="0" y="898134"/>
                </a:moveTo>
                <a:lnTo>
                  <a:pt x="0" y="0"/>
                </a:lnTo>
                <a:lnTo>
                  <a:pt x="322312" y="0"/>
                </a:lnTo>
              </a:path>
            </a:pathLst>
          </a:custGeom>
          <a:noFill/>
          <a:ln w="38100" cap="flat">
            <a:solidFill>
              <a:srgbClr val="1D1D1B"/>
            </a:solidFill>
            <a:prstDash val="solid"/>
            <a:miter/>
            <a:head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22" name="Kombinationstegning 21">
            <a:extLst>
              <a:ext uri="{FF2B5EF4-FFF2-40B4-BE49-F238E27FC236}">
                <a16:creationId xmlns:a16="http://schemas.microsoft.com/office/drawing/2014/main" id="{AAAD29EF-4E3F-4591-4041-C17889BD7950}"/>
              </a:ext>
            </a:extLst>
          </p:cNvPr>
          <p:cNvSpPr/>
          <p:nvPr/>
        </p:nvSpPr>
        <p:spPr>
          <a:xfrm flipH="1">
            <a:off x="17532547" y="8144715"/>
            <a:ext cx="956908" cy="1683237"/>
          </a:xfrm>
          <a:custGeom>
            <a:avLst/>
            <a:gdLst>
              <a:gd name="connsiteX0" fmla="*/ 0 w 322312"/>
              <a:gd name="connsiteY0" fmla="*/ 898134 h 898134"/>
              <a:gd name="connsiteX1" fmla="*/ 0 w 322312"/>
              <a:gd name="connsiteY1" fmla="*/ 0 h 898134"/>
              <a:gd name="connsiteX2" fmla="*/ 322312 w 322312"/>
              <a:gd name="connsiteY2" fmla="*/ 0 h 8981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22312" h="898134">
                <a:moveTo>
                  <a:pt x="0" y="898134"/>
                </a:moveTo>
                <a:lnTo>
                  <a:pt x="0" y="0"/>
                </a:lnTo>
                <a:lnTo>
                  <a:pt x="322312" y="0"/>
                </a:lnTo>
              </a:path>
            </a:pathLst>
          </a:custGeom>
          <a:noFill/>
          <a:ln w="38100" cap="flat">
            <a:solidFill>
              <a:srgbClr val="1D1D1B"/>
            </a:solidFill>
            <a:prstDash val="solid"/>
            <a:miter/>
            <a:head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24" name="Kombinationstegning 23">
            <a:extLst>
              <a:ext uri="{FF2B5EF4-FFF2-40B4-BE49-F238E27FC236}">
                <a16:creationId xmlns:a16="http://schemas.microsoft.com/office/drawing/2014/main" id="{0D2C8186-8F56-9E17-23E2-257E0C80D4DA}"/>
              </a:ext>
            </a:extLst>
          </p:cNvPr>
          <p:cNvSpPr/>
          <p:nvPr/>
        </p:nvSpPr>
        <p:spPr>
          <a:xfrm>
            <a:off x="21390573" y="6750630"/>
            <a:ext cx="600464" cy="3121428"/>
          </a:xfrm>
          <a:custGeom>
            <a:avLst/>
            <a:gdLst>
              <a:gd name="connsiteX0" fmla="*/ 0 w 322312"/>
              <a:gd name="connsiteY0" fmla="*/ 898134 h 898134"/>
              <a:gd name="connsiteX1" fmla="*/ 0 w 322312"/>
              <a:gd name="connsiteY1" fmla="*/ 0 h 898134"/>
              <a:gd name="connsiteX2" fmla="*/ 322312 w 322312"/>
              <a:gd name="connsiteY2" fmla="*/ 0 h 8981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22312" h="898134">
                <a:moveTo>
                  <a:pt x="0" y="898134"/>
                </a:moveTo>
                <a:lnTo>
                  <a:pt x="0" y="0"/>
                </a:lnTo>
                <a:lnTo>
                  <a:pt x="322312" y="0"/>
                </a:lnTo>
              </a:path>
            </a:pathLst>
          </a:custGeom>
          <a:noFill/>
          <a:ln w="38100" cap="flat">
            <a:solidFill>
              <a:srgbClr val="1D1D1B"/>
            </a:solidFill>
            <a:prstDash val="solid"/>
            <a:miter/>
            <a:head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25" name="Kombinationstegning 24">
            <a:extLst>
              <a:ext uri="{FF2B5EF4-FFF2-40B4-BE49-F238E27FC236}">
                <a16:creationId xmlns:a16="http://schemas.microsoft.com/office/drawing/2014/main" id="{9CA2226A-5CDA-2021-D2E5-3256560BBA13}"/>
              </a:ext>
            </a:extLst>
          </p:cNvPr>
          <p:cNvSpPr/>
          <p:nvPr/>
        </p:nvSpPr>
        <p:spPr>
          <a:xfrm rot="10800000" flipH="1">
            <a:off x="9824240" y="13796150"/>
            <a:ext cx="4770817" cy="45719"/>
          </a:xfrm>
          <a:custGeom>
            <a:avLst/>
            <a:gdLst>
              <a:gd name="connsiteX0" fmla="*/ 0 w 468663"/>
              <a:gd name="connsiteY0" fmla="*/ 0 h 7757"/>
              <a:gd name="connsiteX1" fmla="*/ 468664 w 468663"/>
              <a:gd name="connsiteY1" fmla="*/ 0 h 775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468663" h="7757">
                <a:moveTo>
                  <a:pt x="0" y="0"/>
                </a:moveTo>
                <a:lnTo>
                  <a:pt x="468664" y="0"/>
                </a:lnTo>
              </a:path>
            </a:pathLst>
          </a:custGeom>
          <a:ln w="38100" cap="flat">
            <a:solidFill>
              <a:srgbClr val="1D1D1B"/>
            </a:solidFill>
            <a:prstDash val="solid"/>
            <a:miter/>
            <a:tailEnd type="oval"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32" name="Pladsholder til tekst 18">
            <a:extLst>
              <a:ext uri="{FF2B5EF4-FFF2-40B4-BE49-F238E27FC236}">
                <a16:creationId xmlns:a16="http://schemas.microsoft.com/office/drawing/2014/main" id="{261CAC99-0105-2F3A-74AF-837E14297501}"/>
              </a:ext>
            </a:extLst>
          </p:cNvPr>
          <p:cNvSpPr txBox="1">
            <a:spLocks/>
          </p:cNvSpPr>
          <p:nvPr/>
        </p:nvSpPr>
        <p:spPr>
          <a:xfrm>
            <a:off x="17687041" y="13158789"/>
            <a:ext cx="4485687" cy="387957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l" defTabSz="1086167" rtl="0" eaLnBrk="1" latinLnBrk="0" hangingPunct="1">
              <a:lnSpc>
                <a:spcPct val="110000"/>
              </a:lnSpc>
              <a:spcBef>
                <a:spcPts val="1425"/>
              </a:spcBef>
              <a:spcAft>
                <a:spcPts val="713"/>
              </a:spcAft>
              <a:buFont typeface="Arial" panose="020B0604020202020204" pitchFamily="34" charset="0"/>
              <a:buChar char="​"/>
              <a:defRPr sz="3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1086167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425"/>
              </a:spcAft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213812" indent="-213812" algn="l" defTabSz="1086167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425"/>
              </a:spcAft>
              <a:buFont typeface="Arial" panose="020B0604020202020204" pitchFamily="34" charset="0"/>
              <a:buChar char="•"/>
              <a:defRPr sz="3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427625" indent="-213812" algn="l" defTabSz="1086167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188"/>
              </a:spcAft>
              <a:buFont typeface="Arial" panose="020B0604020202020204" pitchFamily="34" charset="0"/>
              <a:buChar char="•"/>
              <a:defRPr sz="24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641437" indent="-213812" algn="l" defTabSz="1086167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950"/>
              </a:spcAft>
              <a:buFont typeface="Arial" panose="020B0604020202020204" pitchFamily="34" charset="0"/>
              <a:buChar char="•"/>
              <a:tabLst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1086167" rtl="0" eaLnBrk="1" latinLnBrk="0" hangingPunct="1">
              <a:lnSpc>
                <a:spcPct val="110000"/>
              </a:lnSpc>
              <a:spcBef>
                <a:spcPts val="713"/>
              </a:spcBef>
              <a:spcAft>
                <a:spcPts val="713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1086167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713"/>
              </a:spcAft>
              <a:buFont typeface="Arial" panose="020B0604020202020204" pitchFamily="34" charset="0"/>
              <a:buChar char="​"/>
              <a:defRPr sz="16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13812" indent="-213812" algn="l" defTabSz="1086167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713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1086167" rtl="0" eaLnBrk="1" latinLnBrk="0" hangingPunct="1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10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da-DK" dirty="0"/>
              <a:t>Indsæt tekst</a:t>
            </a:r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1E485E8B-0E48-4D5F-7567-F41F3D0DE515}"/>
              </a:ext>
            </a:extLst>
          </p:cNvPr>
          <p:cNvSpPr txBox="1"/>
          <p:nvPr/>
        </p:nvSpPr>
        <p:spPr>
          <a:xfrm>
            <a:off x="7523434" y="6519154"/>
            <a:ext cx="6906097" cy="510787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>
              <a:lnSpc>
                <a:spcPct val="150000"/>
              </a:lnSpc>
            </a:pPr>
            <a:r>
              <a:rPr lang="da-DK" sz="2200" b="1" dirty="0"/>
              <a:t>23</a:t>
            </a:r>
            <a:r>
              <a:rPr lang="da-DK" sz="2200" b="1" dirty="0">
                <a:effectLst/>
              </a:rPr>
              <a:t>.11.2026: Møde i Arbejdsmiljøgruppen:</a:t>
            </a:r>
          </a:p>
          <a:p>
            <a:pPr algn="r">
              <a:lnSpc>
                <a:spcPct val="150000"/>
              </a:lnSpc>
            </a:pPr>
            <a:r>
              <a:rPr lang="da-DK" sz="2200" b="1" dirty="0"/>
              <a:t>Arbejdsmiljødrøftelse</a:t>
            </a:r>
            <a:r>
              <a:rPr lang="da-DK" sz="2200" dirty="0"/>
              <a:t>: Evaluering, samarbejder, indsatser/problemer. Hvad har vi arbejdet med og hvad skal vi arbejde med, Opdatering af </a:t>
            </a:r>
            <a:r>
              <a:rPr lang="da-DK" sz="2200" b="1" dirty="0"/>
              <a:t>Årshjul 2026, Status på årets møder </a:t>
            </a:r>
            <a:r>
              <a:rPr lang="da-DK" sz="2200" dirty="0"/>
              <a:t>og samarbejdet med </a:t>
            </a:r>
            <a:r>
              <a:rPr lang="da-DK" sz="2200" b="1" dirty="0" err="1"/>
              <a:t>LiU</a:t>
            </a:r>
            <a:endParaRPr lang="da-DK" sz="2200" b="1" dirty="0"/>
          </a:p>
          <a:p>
            <a:pPr algn="r">
              <a:lnSpc>
                <a:spcPct val="150000"/>
              </a:lnSpc>
            </a:pPr>
            <a:endParaRPr lang="da-DK" sz="2200" b="1" dirty="0"/>
          </a:p>
          <a:p>
            <a:pPr algn="r">
              <a:lnSpc>
                <a:spcPct val="150000"/>
              </a:lnSpc>
            </a:pPr>
            <a:r>
              <a:rPr lang="da-DK" sz="2200" b="1" dirty="0"/>
              <a:t>Sikkerhedsrundering</a:t>
            </a:r>
          </a:p>
          <a:p>
            <a:pPr algn="r">
              <a:lnSpc>
                <a:spcPct val="150000"/>
              </a:lnSpc>
            </a:pPr>
            <a:endParaRPr lang="da-DK" sz="2200" b="1" dirty="0"/>
          </a:p>
          <a:p>
            <a:pPr algn="r">
              <a:lnSpc>
                <a:spcPct val="150000"/>
              </a:lnSpc>
            </a:pPr>
            <a:r>
              <a:rPr lang="da-DK" sz="2200" b="1" dirty="0">
                <a:effectLst/>
              </a:rPr>
              <a:t>Stormøde</a:t>
            </a:r>
            <a:r>
              <a:rPr lang="da-DK" sz="2200" b="1" dirty="0"/>
              <a:t> i Arbejdsmiljøorganisationen</a:t>
            </a:r>
            <a:r>
              <a:rPr lang="da-DK" sz="2200" b="1" dirty="0">
                <a:effectLst/>
              </a:rPr>
              <a:t> </a:t>
            </a:r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30BDFCBF-F865-0398-B484-29B81622800B}"/>
              </a:ext>
            </a:extLst>
          </p:cNvPr>
          <p:cNvSpPr txBox="1"/>
          <p:nvPr/>
        </p:nvSpPr>
        <p:spPr>
          <a:xfrm>
            <a:off x="5412942" y="15136478"/>
            <a:ext cx="5824778" cy="2568717"/>
          </a:xfrm>
          <a:prstGeom prst="rect">
            <a:avLst/>
          </a:prstGeom>
          <a:noFill/>
        </p:spPr>
        <p:txBody>
          <a:bodyPr wrap="square" anchor="ctr" anchorCtr="0">
            <a:spAutoFit/>
          </a:bodyPr>
          <a:lstStyle/>
          <a:p>
            <a:pPr algn="r">
              <a:lnSpc>
                <a:spcPct val="150000"/>
              </a:lnSpc>
            </a:pPr>
            <a:r>
              <a:rPr lang="da-DK" sz="2200" b="1" dirty="0"/>
              <a:t>02.09.2026: Møde i Arbejdsmiljøgruppen:</a:t>
            </a:r>
          </a:p>
          <a:p>
            <a:pPr algn="r">
              <a:lnSpc>
                <a:spcPct val="150000"/>
              </a:lnSpc>
            </a:pPr>
            <a:r>
              <a:rPr lang="da-DK" sz="2200" b="1" dirty="0"/>
              <a:t>Arbejdsmiljøstrategi: </a:t>
            </a:r>
            <a:r>
              <a:rPr lang="da-DK" sz="2200" dirty="0"/>
              <a:t>Drøftelse af arbejdsmiljøstrategien fra Arbejdsmiljøteamet</a:t>
            </a:r>
          </a:p>
          <a:p>
            <a:pPr algn="r">
              <a:lnSpc>
                <a:spcPct val="150000"/>
              </a:lnSpc>
            </a:pPr>
            <a:endParaRPr lang="da-DK" sz="2200" b="1" dirty="0"/>
          </a:p>
          <a:p>
            <a:pPr algn="r">
              <a:lnSpc>
                <a:spcPct val="150000"/>
              </a:lnSpc>
            </a:pPr>
            <a:r>
              <a:rPr lang="da-DK" sz="2200" b="1" dirty="0"/>
              <a:t>29.09.2026: SU/FAMU møde</a:t>
            </a:r>
            <a:r>
              <a:rPr lang="da-DK" sz="2200" dirty="0"/>
              <a:t> </a:t>
            </a:r>
          </a:p>
        </p:txBody>
      </p:sp>
      <p:sp>
        <p:nvSpPr>
          <p:cNvPr id="28" name="Tekstfelt 27">
            <a:extLst>
              <a:ext uri="{FF2B5EF4-FFF2-40B4-BE49-F238E27FC236}">
                <a16:creationId xmlns:a16="http://schemas.microsoft.com/office/drawing/2014/main" id="{573A559D-8D9D-7DFA-5CDF-8E315AF783B5}"/>
              </a:ext>
            </a:extLst>
          </p:cNvPr>
          <p:cNvSpPr txBox="1"/>
          <p:nvPr/>
        </p:nvSpPr>
        <p:spPr>
          <a:xfrm>
            <a:off x="22073437" y="4666369"/>
            <a:ext cx="9819727" cy="2568717"/>
          </a:xfrm>
          <a:prstGeom prst="rect">
            <a:avLst/>
          </a:prstGeom>
          <a:noFill/>
        </p:spPr>
        <p:txBody>
          <a:bodyPr wrap="square" anchor="ctr" anchorCtr="0">
            <a:spAutoFit/>
          </a:bodyPr>
          <a:lstStyle/>
          <a:p>
            <a:pPr>
              <a:lnSpc>
                <a:spcPct val="150000"/>
              </a:lnSpc>
            </a:pPr>
            <a:r>
              <a:rPr lang="da-DK" sz="2200" b="1" dirty="0"/>
              <a:t>29.01.2026: Møde i Arbejdsmiljøgruppen: </a:t>
            </a:r>
          </a:p>
          <a:p>
            <a:pPr>
              <a:lnSpc>
                <a:spcPct val="150000"/>
              </a:lnSpc>
            </a:pPr>
            <a:r>
              <a:rPr lang="da-DK" sz="2200" b="1" dirty="0"/>
              <a:t>Den årlige arbejdsmiljødrøftelse:</a:t>
            </a:r>
            <a:r>
              <a:rPr lang="da-DK" sz="2200" dirty="0"/>
              <a:t> Indrapportering af </a:t>
            </a:r>
            <a:r>
              <a:rPr lang="da-DK" sz="2200"/>
              <a:t>fokuspunkter 2026 </a:t>
            </a:r>
            <a:r>
              <a:rPr lang="da-DK" sz="2200" dirty="0"/>
              <a:t>– deadline: ultimo februar 2026</a:t>
            </a:r>
          </a:p>
          <a:p>
            <a:pPr>
              <a:lnSpc>
                <a:spcPct val="150000"/>
              </a:lnSpc>
            </a:pPr>
            <a:r>
              <a:rPr lang="da-DK" sz="2200" b="1" dirty="0"/>
              <a:t>GET – Gender Equality Team: </a:t>
            </a:r>
            <a:r>
              <a:rPr lang="da-DK" sz="2200" dirty="0"/>
              <a:t>Liv Baisner fra GET kommer og fortæller om arbejdet i GET</a:t>
            </a:r>
          </a:p>
        </p:txBody>
      </p:sp>
      <p:sp>
        <p:nvSpPr>
          <p:cNvPr id="33" name="Tekstfelt 32">
            <a:extLst>
              <a:ext uri="{FF2B5EF4-FFF2-40B4-BE49-F238E27FC236}">
                <a16:creationId xmlns:a16="http://schemas.microsoft.com/office/drawing/2014/main" id="{42C8749D-B7B3-894C-6F46-C6E02661B7A6}"/>
              </a:ext>
            </a:extLst>
          </p:cNvPr>
          <p:cNvSpPr txBox="1"/>
          <p:nvPr/>
        </p:nvSpPr>
        <p:spPr>
          <a:xfrm>
            <a:off x="25840948" y="17732377"/>
            <a:ext cx="9012132" cy="4092211"/>
          </a:xfrm>
          <a:prstGeom prst="rect">
            <a:avLst/>
          </a:prstGeom>
          <a:noFill/>
        </p:spPr>
        <p:txBody>
          <a:bodyPr wrap="square" anchor="t" anchorCtr="0">
            <a:spAutoFit/>
          </a:bodyPr>
          <a:lstStyle/>
          <a:p>
            <a:pPr>
              <a:lnSpc>
                <a:spcPct val="150000"/>
              </a:lnSpc>
            </a:pPr>
            <a:r>
              <a:rPr lang="da-DK" sz="2200" b="1" dirty="0">
                <a:effectLst/>
              </a:rPr>
              <a:t>12.05.2026: Møde i Arbejdsmiljøgruppen: </a:t>
            </a:r>
          </a:p>
          <a:p>
            <a:pPr>
              <a:lnSpc>
                <a:spcPct val="150000"/>
              </a:lnSpc>
            </a:pPr>
            <a:r>
              <a:rPr lang="da-DK" sz="2200" dirty="0"/>
              <a:t>Evt. valg til arbejdsmiljøorganisationen i efteråret 2026?</a:t>
            </a:r>
          </a:p>
          <a:p>
            <a:pPr>
              <a:lnSpc>
                <a:spcPct val="150000"/>
              </a:lnSpc>
            </a:pPr>
            <a:r>
              <a:rPr lang="da-DK" sz="2200" b="1" dirty="0">
                <a:effectLst/>
              </a:rPr>
              <a:t>Opstart: Planlægning af APV </a:t>
            </a:r>
            <a:r>
              <a:rPr lang="da-DK" sz="2200" b="1" dirty="0"/>
              <a:t>2027. </a:t>
            </a:r>
            <a:r>
              <a:rPr lang="da-DK" sz="2200" dirty="0"/>
              <a:t>Vi inviterer en repræsentant fra SDU HR Arbejdsmiljø til mødet</a:t>
            </a:r>
          </a:p>
          <a:p>
            <a:pPr>
              <a:lnSpc>
                <a:spcPct val="150000"/>
              </a:lnSpc>
            </a:pPr>
            <a:endParaRPr lang="da-DK" sz="2200" b="1" dirty="0"/>
          </a:p>
          <a:p>
            <a:pPr>
              <a:lnSpc>
                <a:spcPct val="150000"/>
              </a:lnSpc>
            </a:pPr>
            <a:r>
              <a:rPr lang="da-DK" sz="2200" b="1" dirty="0"/>
              <a:t>27.05.2026: SU/FAMU møde</a:t>
            </a:r>
            <a:endParaRPr lang="da-DK" sz="2200" b="1" dirty="0">
              <a:effectLst/>
            </a:endParaRPr>
          </a:p>
          <a:p>
            <a:pPr>
              <a:lnSpc>
                <a:spcPct val="150000"/>
              </a:lnSpc>
            </a:pPr>
            <a:endParaRPr lang="da-DK" sz="2200" b="1" dirty="0"/>
          </a:p>
          <a:p>
            <a:pPr>
              <a:lnSpc>
                <a:spcPct val="150000"/>
              </a:lnSpc>
            </a:pPr>
            <a:endParaRPr lang="da-DK" sz="2200" b="1" dirty="0">
              <a:effectLst/>
            </a:endParaRPr>
          </a:p>
        </p:txBody>
      </p:sp>
      <p:sp>
        <p:nvSpPr>
          <p:cNvPr id="20" name="Tekstfelt 19">
            <a:extLst>
              <a:ext uri="{FF2B5EF4-FFF2-40B4-BE49-F238E27FC236}">
                <a16:creationId xmlns:a16="http://schemas.microsoft.com/office/drawing/2014/main" id="{CD16BDDA-1F63-54F0-DA0E-B530545A8C06}"/>
              </a:ext>
            </a:extLst>
          </p:cNvPr>
          <p:cNvSpPr txBox="1"/>
          <p:nvPr/>
        </p:nvSpPr>
        <p:spPr>
          <a:xfrm>
            <a:off x="1745838" y="4226570"/>
            <a:ext cx="5554785" cy="541686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200" b="1" dirty="0"/>
              <a:t>Faste punkter på hvert møde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200" b="1" dirty="0"/>
              <a:t>APV Tids- og Handleplan</a:t>
            </a:r>
            <a:r>
              <a:rPr lang="da-DK" sz="2200" dirty="0"/>
              <a:t>: Skal løbende justeres og dokumenteres. Vi skal gemme de enkelte version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200" b="1" dirty="0"/>
              <a:t>Nyhed</a:t>
            </a:r>
            <a:r>
              <a:rPr lang="da-DK" sz="2200" dirty="0"/>
              <a:t>: Hvad er vigtigt at formidle videre fra dette mød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200" b="1" dirty="0"/>
              <a:t>Hjemmeside</a:t>
            </a:r>
            <a:r>
              <a:rPr lang="da-DK" sz="2200" dirty="0"/>
              <a:t>: Skal noget opdater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200" b="1" dirty="0"/>
              <a:t>SU/FAMU: </a:t>
            </a:r>
            <a:r>
              <a:rPr lang="da-DK" sz="2200" dirty="0"/>
              <a:t>Skal noget bringes videre herti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200" b="1" dirty="0"/>
              <a:t>Opfølgning: </a:t>
            </a:r>
            <a:r>
              <a:rPr lang="da-DK" sz="2200" dirty="0"/>
              <a:t>Arbejdsskader, Tilsyn, Lovgivn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2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2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2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200" dirty="0"/>
          </a:p>
          <a:p>
            <a:endParaRPr lang="da-DK" sz="2200" b="1" dirty="0"/>
          </a:p>
        </p:txBody>
      </p:sp>
      <p:sp>
        <p:nvSpPr>
          <p:cNvPr id="36" name="Tekstfelt 35">
            <a:extLst>
              <a:ext uri="{FF2B5EF4-FFF2-40B4-BE49-F238E27FC236}">
                <a16:creationId xmlns:a16="http://schemas.microsoft.com/office/drawing/2014/main" id="{7BB6D5D3-5327-F187-104A-EB03B3689ABC}"/>
              </a:ext>
            </a:extLst>
          </p:cNvPr>
          <p:cNvSpPr txBox="1"/>
          <p:nvPr/>
        </p:nvSpPr>
        <p:spPr>
          <a:xfrm>
            <a:off x="1805691" y="20801945"/>
            <a:ext cx="4467069" cy="670952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200" b="1" dirty="0"/>
              <a:t>Generelt til årshjul: </a:t>
            </a:r>
          </a:p>
          <a:p>
            <a:r>
              <a:rPr lang="da-DK" sz="2200" dirty="0"/>
              <a:t>Januar/februar: Arbejdsmiljødrøftelse og fokuspunkter.</a:t>
            </a:r>
          </a:p>
          <a:p>
            <a:r>
              <a:rPr lang="da-DK" sz="2200" dirty="0"/>
              <a:t>I APV-år: Opstart arbejdet med APV tids- og handleplan inkl. Hvordan vi vil inddrage de ansatte</a:t>
            </a:r>
          </a:p>
          <a:p>
            <a:r>
              <a:rPr lang="da-DK" sz="2200" dirty="0"/>
              <a:t>Maj: -, </a:t>
            </a:r>
          </a:p>
          <a:p>
            <a:r>
              <a:rPr lang="da-DK" sz="2200" dirty="0"/>
              <a:t>Juni: Sikkerhedsrundering</a:t>
            </a:r>
          </a:p>
          <a:p>
            <a:r>
              <a:rPr lang="da-DK" sz="2200" dirty="0"/>
              <a:t>September: -, </a:t>
            </a:r>
          </a:p>
          <a:p>
            <a:r>
              <a:rPr lang="da-DK" sz="2200" dirty="0"/>
              <a:t>November: Arbejdsmiljødrøftelse: Evaluering, samarbejder, indsatser og problemer. Sikkerhedsrundering</a:t>
            </a:r>
          </a:p>
          <a:p>
            <a:endParaRPr lang="da-DK" sz="2200" dirty="0"/>
          </a:p>
          <a:p>
            <a:r>
              <a:rPr lang="da-DK" sz="2200" b="1" dirty="0"/>
              <a:t>Datoer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200" dirty="0"/>
              <a:t>Valg – formentlig allerede efter 2½ år – det vil sige september 2026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200" dirty="0"/>
              <a:t>Næste APV: 2027</a:t>
            </a:r>
          </a:p>
          <a:p>
            <a:endParaRPr lang="da-DK" sz="1800" dirty="0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81E4EA7A-E35B-6A53-BC38-3C032A5F1389}"/>
              </a:ext>
            </a:extLst>
          </p:cNvPr>
          <p:cNvSpPr txBox="1"/>
          <p:nvPr/>
        </p:nvSpPr>
        <p:spPr>
          <a:xfrm>
            <a:off x="29054323" y="13158789"/>
            <a:ext cx="551946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000" b="1" dirty="0"/>
              <a:t>27.03.2026: SU/FAMU møde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3E569F47-50C6-8549-4576-422DEA885752}"/>
              </a:ext>
            </a:extLst>
          </p:cNvPr>
          <p:cNvSpPr txBox="1"/>
          <p:nvPr/>
        </p:nvSpPr>
        <p:spPr>
          <a:xfrm>
            <a:off x="5518514" y="13578370"/>
            <a:ext cx="551946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000" b="1" dirty="0"/>
              <a:t>27.10.2026: SU/FAMU møde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570CC6FF-F06E-83A7-658B-E064E75618AB}"/>
              </a:ext>
            </a:extLst>
          </p:cNvPr>
          <p:cNvSpPr txBox="1"/>
          <p:nvPr/>
        </p:nvSpPr>
        <p:spPr>
          <a:xfrm>
            <a:off x="15176074" y="7411717"/>
            <a:ext cx="551946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000" b="1" dirty="0"/>
              <a:t>15.12.2026: SU/FAMU mød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638913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A0 Yearbook Poster" id="{AD362102-6304-8C47-9BBC-24215CC94181}" vid="{95287F22-178F-4D40-81C2-561F9B604B95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4ce034c3-338c-4a8f-9cae-7e5cca226d09" xsi:nil="true"/>
    <lcf76f155ced4ddcb4097134ff3c332f xmlns="fecd47c6-f99c-4e67-b20f-8e6bccd3d9cf">
      <Terms xmlns="http://schemas.microsoft.com/office/infopath/2007/PartnerControls"/>
    </lcf76f155ced4ddcb4097134ff3c332f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{"type":"shape","id":"84c8f072-c5cc-4318-b605-c71eac6d1baf","elementConfiguration":{"binding":"{{UserProfile.Institut.Institute}}","visibility":"","type":"text","disableUpdates":false}}],"transformationConfigurations":[],"templateName":"A0 Yearbook Wheel Poster","templateDescription":"Plan your activities or goals over the year","enableDocumentContentUpdater":tru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5730D2D79480E44AF4CF1D5DC8426B6" ma:contentTypeVersion="13" ma:contentTypeDescription="Opret et nyt dokument." ma:contentTypeScope="" ma:versionID="1255ab1f9451a7f9a2f4961ee6e81fbb">
  <xsd:schema xmlns:xsd="http://www.w3.org/2001/XMLSchema" xmlns:xs="http://www.w3.org/2001/XMLSchema" xmlns:p="http://schemas.microsoft.com/office/2006/metadata/properties" xmlns:ns2="fecd47c6-f99c-4e67-b20f-8e6bccd3d9cf" xmlns:ns3="4ce034c3-338c-4a8f-9cae-7e5cca226d09" targetNamespace="http://schemas.microsoft.com/office/2006/metadata/properties" ma:root="true" ma:fieldsID="ac7e33fdeea48778c9ffe7fae4549ee8" ns2:_="" ns3:_="">
    <xsd:import namespace="fecd47c6-f99c-4e67-b20f-8e6bccd3d9cf"/>
    <xsd:import namespace="4ce034c3-338c-4a8f-9cae-7e5cca226d0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3:SharedWithUsers" minOccurs="0"/>
                <xsd:element ref="ns3:SharedWithDetail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cd47c6-f99c-4e67-b20f-8e6bccd3d9c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20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ce034c3-338c-4a8f-9cae-7e5cca226d09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3fce264f-d98b-42d0-90b4-f5e026732e48}" ma:internalName="TaxCatchAll" ma:showField="CatchAllData" ma:web="4ce034c3-338c-4a8f-9cae-7e5cca226d0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5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17486183376192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ACC36E9D-0F2E-485D-80FE-83E5429FEC5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EE05BD53-50C2-4764-A9A4-81CEB7754728}">
  <ds:schemaRefs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fecd47c6-f99c-4e67-b20f-8e6bccd3d9cf"/>
    <ds:schemaRef ds:uri="4ce034c3-338c-4a8f-9cae-7e5cca226d09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5214722C-43BE-406F-BDA5-BB3C36558BBF}">
  <ds:schemaRefs/>
</ds:datastoreItem>
</file>

<file path=customXml/itemProps4.xml><?xml version="1.0" encoding="utf-8"?>
<ds:datastoreItem xmlns:ds="http://schemas.openxmlformats.org/officeDocument/2006/customXml" ds:itemID="{BE2E1765-E0E5-492A-85B6-14859AEDC00F}">
  <ds:schemaRefs/>
</ds:datastoreItem>
</file>

<file path=customXml/itemProps5.xml><?xml version="1.0" encoding="utf-8"?>
<ds:datastoreItem xmlns:ds="http://schemas.openxmlformats.org/officeDocument/2006/customXml" ds:itemID="{B1A7DB5D-F807-4A70-9D54-1D89AA7A581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ecd47c6-f99c-4e67-b20f-8e6bccd3d9cf"/>
    <ds:schemaRef ds:uri="4ce034c3-338c-4a8f-9cae-7e5cca226d0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4814C24E-70A4-48B9-AC3C-DE4013395C35}">
  <ds:schemaRefs/>
</ds:datastoreItem>
</file>

<file path=customXml/itemProps7.xml><?xml version="1.0" encoding="utf-8"?>
<ds:datastoreItem xmlns:ds="http://schemas.openxmlformats.org/officeDocument/2006/customXml" ds:itemID="{34633E31-69B2-4F55-88DB-B357BF1C412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36</TotalTime>
  <Words>309</Words>
  <Application>Microsoft Office PowerPoint</Application>
  <PresentationFormat>Brugerdefineret</PresentationFormat>
  <Paragraphs>49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4" baseType="lpstr">
      <vt:lpstr>Arial</vt:lpstr>
      <vt:lpstr>Times New Roman</vt:lpstr>
      <vt:lpstr>Blank</vt:lpstr>
      <vt:lpstr>Årshjul 2026 Arbejdsmiljøgruppen KI og IRS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ana Olejank Hansen</dc:creator>
  <cp:keywords/>
  <dc:description/>
  <cp:lastModifiedBy>Nana Olejank Hansen</cp:lastModifiedBy>
  <cp:revision>3</cp:revision>
  <dcterms:created xsi:type="dcterms:W3CDTF">2024-06-10T11:34:33Z</dcterms:created>
  <dcterms:modified xsi:type="dcterms:W3CDTF">2026-02-09T07:49:1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23-04-19T07:29:43</vt:lpwstr>
  </property>
  <property fmtid="{D5CDD505-2E9C-101B-9397-08002B2CF9AE}" pid="4" name="ContentTypeId">
    <vt:lpwstr>0x01010025730D2D79480E44AF4CF1D5DC8426B6</vt:lpwstr>
  </property>
  <property fmtid="{D5CDD505-2E9C-101B-9397-08002B2CF9AE}" pid="5" name="MediaServiceImageTags">
    <vt:lpwstr/>
  </property>
  <property fmtid="{D5CDD505-2E9C-101B-9397-08002B2CF9AE}" pid="6" name="TemplafyTenantId">
    <vt:lpwstr>sdu</vt:lpwstr>
  </property>
  <property fmtid="{D5CDD505-2E9C-101B-9397-08002B2CF9AE}" pid="7" name="TemplafyTemplateId">
    <vt:lpwstr>638173227111586181</vt:lpwstr>
  </property>
  <property fmtid="{D5CDD505-2E9C-101B-9397-08002B2CF9AE}" pid="8" name="TemplafyUserProfileId">
    <vt:lpwstr>637830413140992867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</Properties>
</file>